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toyama-city.local\01企画管理部\0108企画調整\s1\　企画調整課フォルダ\04統計調査\04　県等委託統計\06　人口調査\人口データ\1 元データ\R5\2303\HP2303\"/>
    </mc:Choice>
  </mc:AlternateContent>
  <bookViews>
    <workbookView xWindow="0" yWindow="0" windowWidth="19200" windowHeight="11610"/>
  </bookViews>
  <sheets>
    <sheet name="nenreibetsu" sheetId="1" r:id="rId1"/>
  </sheets>
  <definedNames>
    <definedName name="_xlnm.Print_Titles" localSheetId="0">nenreibetsu!$5:$5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41" uniqueCount="35">
  <si>
    <t>年齢別・性別人口（富山市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トヤマ</t>
    </rPh>
    <rPh sb="11" eb="12">
      <t>シ</t>
    </rPh>
    <phoneticPr fontId="3"/>
  </si>
  <si>
    <t>令和5年3月末</t>
  </si>
  <si>
    <t>日本人</t>
    <rPh sb="0" eb="3">
      <t>ニホンジン</t>
    </rPh>
    <phoneticPr fontId="3"/>
  </si>
  <si>
    <t>外国人</t>
    <rPh sb="0" eb="2">
      <t>ガイコク</t>
    </rPh>
    <rPh sb="2" eb="3">
      <t>ジン</t>
    </rPh>
    <phoneticPr fontId="3"/>
  </si>
  <si>
    <t>合計</t>
    <rPh sb="0" eb="2">
      <t>ゴウケイ</t>
    </rPh>
    <phoneticPr fontId="3"/>
  </si>
  <si>
    <t>年齢</t>
    <rPh sb="0" eb="2">
      <t>ネンレイ</t>
    </rPh>
    <phoneticPr fontId="3"/>
  </si>
  <si>
    <t>男</t>
    <rPh sb="0" eb="1">
      <t>オトコ</t>
    </rPh>
    <phoneticPr fontId="3"/>
  </si>
  <si>
    <t>女</t>
    <rPh sb="0" eb="1">
      <t>オンナ</t>
    </rPh>
    <phoneticPr fontId="3"/>
  </si>
  <si>
    <t>計</t>
    <rPh sb="0" eb="1">
      <t>ケイ</t>
    </rPh>
    <phoneticPr fontId="3"/>
  </si>
  <si>
    <t>《0～4》</t>
    <phoneticPr fontId="3"/>
  </si>
  <si>
    <t>《5～9》</t>
    <phoneticPr fontId="3"/>
  </si>
  <si>
    <t>《10～14》</t>
    <phoneticPr fontId="3"/>
  </si>
  <si>
    <t>【0～14】</t>
    <phoneticPr fontId="3"/>
  </si>
  <si>
    <t>《15～19》</t>
    <phoneticPr fontId="3"/>
  </si>
  <si>
    <t>《20～24》</t>
    <phoneticPr fontId="3"/>
  </si>
  <si>
    <t>《25～29》</t>
    <phoneticPr fontId="3"/>
  </si>
  <si>
    <t>《30～34》</t>
    <phoneticPr fontId="3"/>
  </si>
  <si>
    <t>《35～39》</t>
    <phoneticPr fontId="3"/>
  </si>
  <si>
    <t>《40～44》</t>
    <phoneticPr fontId="3"/>
  </si>
  <si>
    <t>《45～49》</t>
    <phoneticPr fontId="3"/>
  </si>
  <si>
    <t>《50～54》</t>
    <phoneticPr fontId="3"/>
  </si>
  <si>
    <t>《55～59》</t>
    <phoneticPr fontId="3"/>
  </si>
  <si>
    <t>《60～64》</t>
    <phoneticPr fontId="3"/>
  </si>
  <si>
    <t>【15～64】</t>
    <phoneticPr fontId="3"/>
  </si>
  <si>
    <t>《65～69》</t>
    <phoneticPr fontId="3"/>
  </si>
  <si>
    <t>《70～74》</t>
    <phoneticPr fontId="3"/>
  </si>
  <si>
    <t>《75～79》</t>
    <phoneticPr fontId="3"/>
  </si>
  <si>
    <t>《80～84》</t>
    <phoneticPr fontId="3"/>
  </si>
  <si>
    <t>《85～89》</t>
    <phoneticPr fontId="3"/>
  </si>
  <si>
    <t>《90～94》</t>
    <phoneticPr fontId="3"/>
  </si>
  <si>
    <t>《95～99》</t>
    <phoneticPr fontId="3"/>
  </si>
  <si>
    <t>101～</t>
    <phoneticPr fontId="3"/>
  </si>
  <si>
    <t>《100～》</t>
    <phoneticPr fontId="3"/>
  </si>
  <si>
    <t>【65～】</t>
    <phoneticPr fontId="3"/>
  </si>
  <si>
    <t>【合計】</t>
    <rPh sb="1" eb="3">
      <t>ゴウケイ</t>
    </rPh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fonts count="5" x14ac:knownFonts="1">
    <font>
      <sz val="11"/>
      <name val="ＭＳ 明朝"/>
      <family val="1"/>
      <charset val="128"/>
    </font>
    <font>
      <sz val="11"/>
      <name val="ＭＳ 明朝"/>
      <family val="1"/>
      <charset val="128"/>
    </font>
    <font>
      <sz val="14"/>
      <name val="ＭＳ 明朝"/>
      <family val="1"/>
      <charset val="128"/>
    </font>
    <font>
      <sz val="6"/>
      <name val="ＭＳ 明朝"/>
      <family val="1"/>
      <charset val="128"/>
    </font>
    <font>
      <sz val="12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23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/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/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/>
      <right style="hair">
        <color indexed="64"/>
      </right>
      <top style="hair">
        <color indexed="64"/>
      </top>
      <bottom style="thin">
        <color indexed="64"/>
      </bottom>
      <diagonal/>
    </border>
  </borders>
  <cellStyleXfs count="2">
    <xf numFmtId="0" fontId="0" fillId="0" borderId="0"/>
    <xf numFmtId="38" fontId="1" fillId="0" borderId="0" applyFont="0" applyFill="0" applyBorder="0" applyAlignment="0" applyProtection="0"/>
  </cellStyleXfs>
  <cellXfs count="42">
    <xf numFmtId="0" fontId="0" fillId="0" borderId="0" xfId="0"/>
    <xf numFmtId="0" fontId="2" fillId="0" borderId="0" xfId="0" applyFont="1" applyAlignment="1">
      <alignment horizontal="center" vertical="center"/>
    </xf>
    <xf numFmtId="0" fontId="2" fillId="0" borderId="0" xfId="0" applyFont="1" applyAlignment="1">
      <alignment horizontal="center" vertical="center"/>
    </xf>
    <xf numFmtId="0" fontId="4" fillId="0" borderId="0" xfId="0" applyFont="1" applyAlignment="1">
      <alignment vertical="center"/>
    </xf>
    <xf numFmtId="0" fontId="4" fillId="0" borderId="0" xfId="0" applyFont="1" applyAlignment="1">
      <alignment horizontal="right" vertical="center"/>
    </xf>
    <xf numFmtId="0" fontId="4" fillId="0" borderId="1" xfId="0" applyFont="1" applyBorder="1" applyAlignment="1">
      <alignment horizontal="center" vertical="center"/>
    </xf>
    <xf numFmtId="0" fontId="4" fillId="0" borderId="2" xfId="0" applyFont="1" applyBorder="1" applyAlignment="1">
      <alignment horizontal="center" vertical="center"/>
    </xf>
    <xf numFmtId="0" fontId="4" fillId="0" borderId="3" xfId="0" applyFont="1" applyBorder="1" applyAlignment="1">
      <alignment horizontal="center" vertical="center"/>
    </xf>
    <xf numFmtId="0" fontId="0" fillId="0" borderId="2" xfId="0" applyBorder="1" applyAlignment="1">
      <alignment horizontal="center" vertical="center"/>
    </xf>
    <xf numFmtId="0" fontId="0" fillId="0" borderId="3" xfId="0" applyBorder="1" applyAlignment="1">
      <alignment horizontal="center" vertical="center"/>
    </xf>
    <xf numFmtId="0" fontId="4" fillId="0" borderId="4" xfId="0" applyFont="1" applyBorder="1" applyAlignment="1">
      <alignment horizontal="center" vertical="center"/>
    </xf>
    <xf numFmtId="0" fontId="4" fillId="0" borderId="5" xfId="0" applyFont="1" applyBorder="1" applyAlignment="1">
      <alignment horizontal="center" vertical="center"/>
    </xf>
    <xf numFmtId="0" fontId="4" fillId="0" borderId="6" xfId="0" applyFont="1" applyBorder="1" applyAlignment="1">
      <alignment horizontal="center" vertical="center"/>
    </xf>
    <xf numFmtId="0" fontId="4" fillId="0" borderId="7" xfId="0" applyFont="1" applyBorder="1" applyAlignment="1">
      <alignment horizontal="center" vertical="center"/>
    </xf>
    <xf numFmtId="0" fontId="4" fillId="0" borderId="8" xfId="0" applyFont="1" applyBorder="1" applyAlignment="1">
      <alignment horizontal="center" vertical="center"/>
    </xf>
    <xf numFmtId="0" fontId="4" fillId="0" borderId="9" xfId="0" applyFont="1" applyBorder="1" applyAlignment="1">
      <alignment horizontal="center" vertical="center"/>
    </xf>
    <xf numFmtId="0" fontId="4" fillId="0" borderId="10" xfId="0" applyFont="1" applyBorder="1" applyAlignment="1">
      <alignment horizontal="center" vertical="center"/>
    </xf>
    <xf numFmtId="38" fontId="1" fillId="0" borderId="11" xfId="1" applyFont="1" applyBorder="1" applyAlignment="1">
      <alignment horizontal="distributed" vertical="center"/>
    </xf>
    <xf numFmtId="38" fontId="1" fillId="0" borderId="8" xfId="1" applyBorder="1" applyAlignment="1">
      <alignment vertical="center"/>
    </xf>
    <xf numFmtId="38" fontId="1" fillId="0" borderId="9" xfId="1" applyBorder="1" applyAlignment="1">
      <alignment vertical="center"/>
    </xf>
    <xf numFmtId="38" fontId="1" fillId="0" borderId="10" xfId="1" applyBorder="1" applyAlignment="1">
      <alignment vertical="center"/>
    </xf>
    <xf numFmtId="38" fontId="1" fillId="0" borderId="12" xfId="1" applyFont="1" applyBorder="1" applyAlignment="1">
      <alignment vertical="center"/>
    </xf>
    <xf numFmtId="38" fontId="1" fillId="0" borderId="9" xfId="1" applyFont="1" applyBorder="1" applyAlignment="1">
      <alignment vertical="center"/>
    </xf>
    <xf numFmtId="38" fontId="1" fillId="0" borderId="10" xfId="1" applyFont="1" applyBorder="1" applyAlignment="1">
      <alignment vertical="center"/>
    </xf>
    <xf numFmtId="38" fontId="1" fillId="0" borderId="13" xfId="1" applyFont="1" applyBorder="1" applyAlignment="1">
      <alignment horizontal="distributed" vertical="center"/>
    </xf>
    <xf numFmtId="38" fontId="1" fillId="0" borderId="14" xfId="1" applyBorder="1" applyAlignment="1">
      <alignment vertical="center"/>
    </xf>
    <xf numFmtId="38" fontId="1" fillId="0" borderId="15" xfId="1" applyBorder="1" applyAlignment="1">
      <alignment vertical="center"/>
    </xf>
    <xf numFmtId="38" fontId="1" fillId="0" borderId="16" xfId="1" applyBorder="1" applyAlignment="1">
      <alignment vertical="center"/>
    </xf>
    <xf numFmtId="38" fontId="1" fillId="0" borderId="17" xfId="1" applyFont="1" applyBorder="1" applyAlignment="1">
      <alignment vertical="center"/>
    </xf>
    <xf numFmtId="38" fontId="1" fillId="0" borderId="15" xfId="1" applyFont="1" applyBorder="1" applyAlignment="1">
      <alignment vertical="center"/>
    </xf>
    <xf numFmtId="38" fontId="1" fillId="0" borderId="16" xfId="1" applyFont="1" applyBorder="1" applyAlignment="1">
      <alignment vertical="center"/>
    </xf>
    <xf numFmtId="38" fontId="1" fillId="0" borderId="17" xfId="1" applyBorder="1" applyAlignment="1">
      <alignment vertical="center"/>
    </xf>
    <xf numFmtId="38" fontId="1" fillId="0" borderId="13" xfId="1" applyFont="1" applyBorder="1" applyAlignment="1">
      <alignment horizontal="center" vertical="center"/>
    </xf>
    <xf numFmtId="38" fontId="0" fillId="0" borderId="14" xfId="0" applyNumberFormat="1" applyBorder="1" applyAlignment="1">
      <alignment vertical="center"/>
    </xf>
    <xf numFmtId="38" fontId="0" fillId="0" borderId="15" xfId="0" applyNumberFormat="1" applyBorder="1" applyAlignment="1">
      <alignment vertical="center"/>
    </xf>
    <xf numFmtId="38" fontId="0" fillId="0" borderId="16" xfId="0" applyNumberFormat="1" applyBorder="1" applyAlignment="1">
      <alignment vertical="center"/>
    </xf>
    <xf numFmtId="38" fontId="0" fillId="0" borderId="17" xfId="0" applyNumberFormat="1" applyBorder="1" applyAlignment="1">
      <alignment vertical="center"/>
    </xf>
    <xf numFmtId="38" fontId="1" fillId="0" borderId="18" xfId="1" applyFont="1" applyBorder="1" applyAlignment="1">
      <alignment horizontal="distributed" vertical="center"/>
    </xf>
    <xf numFmtId="38" fontId="0" fillId="0" borderId="19" xfId="0" applyNumberFormat="1" applyBorder="1" applyAlignment="1">
      <alignment vertical="center"/>
    </xf>
    <xf numFmtId="38" fontId="0" fillId="0" borderId="20" xfId="0" applyNumberFormat="1" applyBorder="1" applyAlignment="1">
      <alignment vertical="center"/>
    </xf>
    <xf numFmtId="38" fontId="0" fillId="0" borderId="21" xfId="0" applyNumberFormat="1" applyBorder="1" applyAlignment="1">
      <alignment vertical="center"/>
    </xf>
    <xf numFmtId="38" fontId="0" fillId="0" borderId="22" xfId="0" applyNumberFormat="1" applyBorder="1" applyAlignment="1">
      <alignment vertical="center"/>
    </xf>
  </cellXfs>
  <cellStyles count="2">
    <cellStyle name="桁区切り" xfId="1" builtinId="6"/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1">
    <pageSetUpPr fitToPage="1"/>
  </sheetPr>
  <dimension ref="A1:J132"/>
  <sheetViews>
    <sheetView tabSelected="1" workbookViewId="0">
      <pane ySplit="5" topLeftCell="A6" activePane="bottomLeft" state="frozen"/>
      <selection sqref="A1:XFD1048576"/>
      <selection pane="bottomLeft" sqref="A1:J1"/>
    </sheetView>
  </sheetViews>
  <sheetFormatPr defaultRowHeight="13.5" x14ac:dyDescent="0.15"/>
  <cols>
    <col min="1" max="1" width="11" customWidth="1"/>
    <col min="2" max="7" width="9" customWidth="1"/>
  </cols>
  <sheetData>
    <row r="1" spans="1:10" ht="27" customHeight="1" x14ac:dyDescent="0.15">
      <c r="A1" s="1" t="s">
        <v>0</v>
      </c>
      <c r="B1" s="1"/>
      <c r="C1" s="1"/>
      <c r="D1" s="1"/>
      <c r="E1" s="1"/>
      <c r="F1" s="1"/>
      <c r="G1" s="1"/>
      <c r="H1" s="1"/>
      <c r="I1" s="1"/>
      <c r="J1" s="1"/>
    </row>
    <row r="2" spans="1:10" ht="14.25" customHeight="1" x14ac:dyDescent="0.15">
      <c r="A2" s="2"/>
      <c r="B2" s="2"/>
      <c r="C2" s="2"/>
      <c r="D2" s="2"/>
      <c r="E2" s="2"/>
      <c r="F2" s="2"/>
      <c r="G2" s="2"/>
      <c r="H2" s="2"/>
      <c r="I2" s="2"/>
      <c r="J2" s="2"/>
    </row>
    <row r="3" spans="1:10" ht="20.25" customHeight="1" x14ac:dyDescent="0.15">
      <c r="A3" s="3"/>
      <c r="B3" s="3"/>
      <c r="C3" s="3"/>
      <c r="D3" s="3"/>
      <c r="E3" s="3"/>
      <c r="F3" s="3"/>
      <c r="G3" s="3"/>
      <c r="H3" s="4" t="s">
        <v>1</v>
      </c>
      <c r="I3" s="4"/>
      <c r="J3" s="4"/>
    </row>
    <row r="4" spans="1:10" ht="20.25" customHeight="1" x14ac:dyDescent="0.15">
      <c r="A4" s="3"/>
      <c r="B4" s="5" t="s">
        <v>2</v>
      </c>
      <c r="C4" s="6"/>
      <c r="D4" s="7"/>
      <c r="E4" s="5" t="s">
        <v>3</v>
      </c>
      <c r="F4" s="6"/>
      <c r="G4" s="7"/>
      <c r="H4" s="5" t="s">
        <v>4</v>
      </c>
      <c r="I4" s="8"/>
      <c r="J4" s="9"/>
    </row>
    <row r="5" spans="1:10" ht="18" customHeight="1" x14ac:dyDescent="0.15">
      <c r="A5" s="10" t="s">
        <v>5</v>
      </c>
      <c r="B5" s="11" t="s">
        <v>6</v>
      </c>
      <c r="C5" s="12" t="s">
        <v>7</v>
      </c>
      <c r="D5" s="13" t="s">
        <v>8</v>
      </c>
      <c r="E5" s="14" t="s">
        <v>6</v>
      </c>
      <c r="F5" s="15" t="s">
        <v>7</v>
      </c>
      <c r="G5" s="16" t="s">
        <v>8</v>
      </c>
      <c r="H5" s="11" t="s">
        <v>6</v>
      </c>
      <c r="I5" s="12" t="s">
        <v>7</v>
      </c>
      <c r="J5" s="13" t="s">
        <v>8</v>
      </c>
    </row>
    <row r="6" spans="1:10" ht="18" customHeight="1" x14ac:dyDescent="0.15">
      <c r="A6" s="17">
        <v>0</v>
      </c>
      <c r="B6" s="18">
        <v>1281</v>
      </c>
      <c r="C6" s="19">
        <v>1238</v>
      </c>
      <c r="D6" s="20">
        <v>2519</v>
      </c>
      <c r="E6" s="21">
        <v>23</v>
      </c>
      <c r="F6" s="22">
        <v>23</v>
      </c>
      <c r="G6" s="23">
        <v>46</v>
      </c>
      <c r="H6" s="21">
        <v>1304</v>
      </c>
      <c r="I6" s="22">
        <v>1261</v>
      </c>
      <c r="J6" s="23">
        <v>2565</v>
      </c>
    </row>
    <row r="7" spans="1:10" ht="18" customHeight="1" x14ac:dyDescent="0.15">
      <c r="A7" s="24">
        <v>1</v>
      </c>
      <c r="B7" s="25">
        <v>1346</v>
      </c>
      <c r="C7" s="26">
        <v>1265</v>
      </c>
      <c r="D7" s="27">
        <v>2611</v>
      </c>
      <c r="E7" s="28">
        <v>24</v>
      </c>
      <c r="F7" s="29">
        <v>12</v>
      </c>
      <c r="G7" s="30">
        <v>36</v>
      </c>
      <c r="H7" s="28">
        <v>1370</v>
      </c>
      <c r="I7" s="29">
        <v>1277</v>
      </c>
      <c r="J7" s="30">
        <v>2647</v>
      </c>
    </row>
    <row r="8" spans="1:10" ht="18" customHeight="1" x14ac:dyDescent="0.15">
      <c r="A8" s="24">
        <v>2</v>
      </c>
      <c r="B8" s="25">
        <v>1355</v>
      </c>
      <c r="C8" s="26">
        <v>1353</v>
      </c>
      <c r="D8" s="27">
        <v>2708</v>
      </c>
      <c r="E8" s="28">
        <v>34</v>
      </c>
      <c r="F8" s="29">
        <v>13</v>
      </c>
      <c r="G8" s="30">
        <v>47</v>
      </c>
      <c r="H8" s="28">
        <v>1389</v>
      </c>
      <c r="I8" s="29">
        <v>1366</v>
      </c>
      <c r="J8" s="30">
        <v>2755</v>
      </c>
    </row>
    <row r="9" spans="1:10" ht="18" customHeight="1" x14ac:dyDescent="0.15">
      <c r="A9" s="24">
        <v>3</v>
      </c>
      <c r="B9" s="25">
        <v>1446</v>
      </c>
      <c r="C9" s="26">
        <v>1358</v>
      </c>
      <c r="D9" s="27">
        <v>2804</v>
      </c>
      <c r="E9" s="28">
        <v>20</v>
      </c>
      <c r="F9" s="29">
        <v>24</v>
      </c>
      <c r="G9" s="30">
        <v>44</v>
      </c>
      <c r="H9" s="28">
        <v>1466</v>
      </c>
      <c r="I9" s="29">
        <v>1382</v>
      </c>
      <c r="J9" s="30">
        <v>2848</v>
      </c>
    </row>
    <row r="10" spans="1:10" ht="18" customHeight="1" x14ac:dyDescent="0.15">
      <c r="A10" s="24">
        <v>4</v>
      </c>
      <c r="B10" s="25">
        <v>1502</v>
      </c>
      <c r="C10" s="26">
        <v>1454</v>
      </c>
      <c r="D10" s="27">
        <v>2956</v>
      </c>
      <c r="E10" s="28">
        <v>19</v>
      </c>
      <c r="F10" s="29">
        <v>25</v>
      </c>
      <c r="G10" s="30">
        <v>44</v>
      </c>
      <c r="H10" s="28">
        <v>1521</v>
      </c>
      <c r="I10" s="29">
        <v>1479</v>
      </c>
      <c r="J10" s="30">
        <v>3000</v>
      </c>
    </row>
    <row r="11" spans="1:10" ht="18" customHeight="1" x14ac:dyDescent="0.15">
      <c r="A11" s="24" t="s">
        <v>9</v>
      </c>
      <c r="B11" s="25">
        <v>6930</v>
      </c>
      <c r="C11" s="26">
        <v>6668</v>
      </c>
      <c r="D11" s="27">
        <v>13598</v>
      </c>
      <c r="E11" s="31">
        <v>120</v>
      </c>
      <c r="F11" s="26">
        <v>97</v>
      </c>
      <c r="G11" s="27">
        <v>217</v>
      </c>
      <c r="H11" s="31">
        <v>7050</v>
      </c>
      <c r="I11" s="26">
        <v>6765</v>
      </c>
      <c r="J11" s="27">
        <v>13815</v>
      </c>
    </row>
    <row r="12" spans="1:10" ht="18" customHeight="1" x14ac:dyDescent="0.15">
      <c r="A12" s="24">
        <v>5</v>
      </c>
      <c r="B12" s="25">
        <v>1488</v>
      </c>
      <c r="C12" s="26">
        <v>1450</v>
      </c>
      <c r="D12" s="27">
        <v>2938</v>
      </c>
      <c r="E12" s="31">
        <v>26</v>
      </c>
      <c r="F12" s="26">
        <v>34</v>
      </c>
      <c r="G12" s="27">
        <v>60</v>
      </c>
      <c r="H12" s="31">
        <v>1514</v>
      </c>
      <c r="I12" s="26">
        <v>1484</v>
      </c>
      <c r="J12" s="27">
        <v>2998</v>
      </c>
    </row>
    <row r="13" spans="1:10" ht="18" customHeight="1" x14ac:dyDescent="0.15">
      <c r="A13" s="24">
        <v>6</v>
      </c>
      <c r="B13" s="25">
        <v>1622</v>
      </c>
      <c r="C13" s="26">
        <v>1519</v>
      </c>
      <c r="D13" s="27">
        <v>3141</v>
      </c>
      <c r="E13" s="31">
        <v>21</v>
      </c>
      <c r="F13" s="26">
        <v>23</v>
      </c>
      <c r="G13" s="27">
        <v>44</v>
      </c>
      <c r="H13" s="31">
        <v>1643</v>
      </c>
      <c r="I13" s="26">
        <v>1542</v>
      </c>
      <c r="J13" s="27">
        <v>3185</v>
      </c>
    </row>
    <row r="14" spans="1:10" ht="18" customHeight="1" x14ac:dyDescent="0.15">
      <c r="A14" s="24">
        <v>7</v>
      </c>
      <c r="B14" s="25">
        <v>1625</v>
      </c>
      <c r="C14" s="26">
        <v>1543</v>
      </c>
      <c r="D14" s="27">
        <v>3168</v>
      </c>
      <c r="E14" s="31">
        <v>27</v>
      </c>
      <c r="F14" s="26">
        <v>24</v>
      </c>
      <c r="G14" s="27">
        <v>51</v>
      </c>
      <c r="H14" s="31">
        <v>1652</v>
      </c>
      <c r="I14" s="26">
        <v>1567</v>
      </c>
      <c r="J14" s="27">
        <v>3219</v>
      </c>
    </row>
    <row r="15" spans="1:10" ht="18" customHeight="1" x14ac:dyDescent="0.15">
      <c r="A15" s="24">
        <v>8</v>
      </c>
      <c r="B15" s="25">
        <v>1599</v>
      </c>
      <c r="C15" s="26">
        <v>1573</v>
      </c>
      <c r="D15" s="27">
        <v>3172</v>
      </c>
      <c r="E15" s="31">
        <v>17</v>
      </c>
      <c r="F15" s="26">
        <v>18</v>
      </c>
      <c r="G15" s="27">
        <v>35</v>
      </c>
      <c r="H15" s="31">
        <v>1616</v>
      </c>
      <c r="I15" s="26">
        <v>1591</v>
      </c>
      <c r="J15" s="27">
        <v>3207</v>
      </c>
    </row>
    <row r="16" spans="1:10" ht="18" customHeight="1" x14ac:dyDescent="0.15">
      <c r="A16" s="24">
        <v>9</v>
      </c>
      <c r="B16" s="25">
        <v>1615</v>
      </c>
      <c r="C16" s="26">
        <v>1598</v>
      </c>
      <c r="D16" s="27">
        <v>3213</v>
      </c>
      <c r="E16" s="31">
        <v>24</v>
      </c>
      <c r="F16" s="26">
        <v>20</v>
      </c>
      <c r="G16" s="27">
        <v>44</v>
      </c>
      <c r="H16" s="31">
        <v>1639</v>
      </c>
      <c r="I16" s="26">
        <v>1618</v>
      </c>
      <c r="J16" s="27">
        <v>3257</v>
      </c>
    </row>
    <row r="17" spans="1:10" ht="18" customHeight="1" x14ac:dyDescent="0.15">
      <c r="A17" s="24" t="s">
        <v>10</v>
      </c>
      <c r="B17" s="25">
        <v>7949</v>
      </c>
      <c r="C17" s="26">
        <v>7683</v>
      </c>
      <c r="D17" s="27">
        <v>15632</v>
      </c>
      <c r="E17" s="31">
        <v>115</v>
      </c>
      <c r="F17" s="26">
        <v>119</v>
      </c>
      <c r="G17" s="27">
        <v>234</v>
      </c>
      <c r="H17" s="31">
        <v>8064</v>
      </c>
      <c r="I17" s="26">
        <v>7802</v>
      </c>
      <c r="J17" s="27">
        <v>15866</v>
      </c>
    </row>
    <row r="18" spans="1:10" ht="18" customHeight="1" x14ac:dyDescent="0.15">
      <c r="A18" s="24">
        <v>10</v>
      </c>
      <c r="B18" s="25">
        <v>1681</v>
      </c>
      <c r="C18" s="26">
        <v>1545</v>
      </c>
      <c r="D18" s="27">
        <v>3226</v>
      </c>
      <c r="E18" s="31">
        <v>22</v>
      </c>
      <c r="F18" s="26">
        <v>18</v>
      </c>
      <c r="G18" s="27">
        <v>40</v>
      </c>
      <c r="H18" s="31">
        <v>1703</v>
      </c>
      <c r="I18" s="26">
        <v>1563</v>
      </c>
      <c r="J18" s="27">
        <v>3266</v>
      </c>
    </row>
    <row r="19" spans="1:10" ht="18" customHeight="1" x14ac:dyDescent="0.15">
      <c r="A19" s="24">
        <v>11</v>
      </c>
      <c r="B19" s="25">
        <v>1668</v>
      </c>
      <c r="C19" s="26">
        <v>1671</v>
      </c>
      <c r="D19" s="27">
        <v>3339</v>
      </c>
      <c r="E19" s="31">
        <v>18</v>
      </c>
      <c r="F19" s="26">
        <v>14</v>
      </c>
      <c r="G19" s="27">
        <v>32</v>
      </c>
      <c r="H19" s="31">
        <v>1686</v>
      </c>
      <c r="I19" s="26">
        <v>1685</v>
      </c>
      <c r="J19" s="27">
        <v>3371</v>
      </c>
    </row>
    <row r="20" spans="1:10" ht="18" customHeight="1" x14ac:dyDescent="0.15">
      <c r="A20" s="24">
        <v>12</v>
      </c>
      <c r="B20" s="25">
        <v>1811</v>
      </c>
      <c r="C20" s="26">
        <v>1562</v>
      </c>
      <c r="D20" s="27">
        <v>3373</v>
      </c>
      <c r="E20" s="31">
        <v>14</v>
      </c>
      <c r="F20" s="26">
        <v>17</v>
      </c>
      <c r="G20" s="27">
        <v>31</v>
      </c>
      <c r="H20" s="31">
        <v>1825</v>
      </c>
      <c r="I20" s="26">
        <v>1579</v>
      </c>
      <c r="J20" s="27">
        <v>3404</v>
      </c>
    </row>
    <row r="21" spans="1:10" ht="18" customHeight="1" x14ac:dyDescent="0.15">
      <c r="A21" s="24">
        <v>13</v>
      </c>
      <c r="B21" s="25">
        <v>1768</v>
      </c>
      <c r="C21" s="26">
        <v>1719</v>
      </c>
      <c r="D21" s="27">
        <v>3487</v>
      </c>
      <c r="E21" s="31">
        <v>13</v>
      </c>
      <c r="F21" s="26">
        <v>19</v>
      </c>
      <c r="G21" s="27">
        <v>32</v>
      </c>
      <c r="H21" s="31">
        <v>1781</v>
      </c>
      <c r="I21" s="26">
        <v>1738</v>
      </c>
      <c r="J21" s="27">
        <v>3519</v>
      </c>
    </row>
    <row r="22" spans="1:10" ht="18" customHeight="1" x14ac:dyDescent="0.15">
      <c r="A22" s="24">
        <v>14</v>
      </c>
      <c r="B22" s="25">
        <v>1824</v>
      </c>
      <c r="C22" s="26">
        <v>1680</v>
      </c>
      <c r="D22" s="27">
        <v>3504</v>
      </c>
      <c r="E22" s="31">
        <v>17</v>
      </c>
      <c r="F22" s="26">
        <v>16</v>
      </c>
      <c r="G22" s="27">
        <v>33</v>
      </c>
      <c r="H22" s="31">
        <v>1841</v>
      </c>
      <c r="I22" s="26">
        <v>1696</v>
      </c>
      <c r="J22" s="27">
        <v>3537</v>
      </c>
    </row>
    <row r="23" spans="1:10" ht="18" customHeight="1" x14ac:dyDescent="0.15">
      <c r="A23" s="24" t="s">
        <v>11</v>
      </c>
      <c r="B23" s="25">
        <v>8752</v>
      </c>
      <c r="C23" s="26">
        <v>8177</v>
      </c>
      <c r="D23" s="27">
        <v>16929</v>
      </c>
      <c r="E23" s="31">
        <v>84</v>
      </c>
      <c r="F23" s="26">
        <v>84</v>
      </c>
      <c r="G23" s="27">
        <v>168</v>
      </c>
      <c r="H23" s="31">
        <v>8836</v>
      </c>
      <c r="I23" s="26">
        <v>8261</v>
      </c>
      <c r="J23" s="27">
        <v>17097</v>
      </c>
    </row>
    <row r="24" spans="1:10" ht="18" customHeight="1" x14ac:dyDescent="0.15">
      <c r="A24" s="24" t="s">
        <v>12</v>
      </c>
      <c r="B24" s="25">
        <v>23631</v>
      </c>
      <c r="C24" s="26">
        <v>22528</v>
      </c>
      <c r="D24" s="27">
        <v>46159</v>
      </c>
      <c r="E24" s="31">
        <v>319</v>
      </c>
      <c r="F24" s="26">
        <v>300</v>
      </c>
      <c r="G24" s="27">
        <v>619</v>
      </c>
      <c r="H24" s="31">
        <v>23950</v>
      </c>
      <c r="I24" s="26">
        <v>22828</v>
      </c>
      <c r="J24" s="27">
        <v>46778</v>
      </c>
    </row>
    <row r="25" spans="1:10" ht="18" customHeight="1" x14ac:dyDescent="0.15">
      <c r="A25" s="24">
        <v>15</v>
      </c>
      <c r="B25" s="25">
        <v>1766</v>
      </c>
      <c r="C25" s="26">
        <v>1759</v>
      </c>
      <c r="D25" s="27">
        <v>3525</v>
      </c>
      <c r="E25" s="31">
        <v>17</v>
      </c>
      <c r="F25" s="26">
        <v>21</v>
      </c>
      <c r="G25" s="27">
        <v>38</v>
      </c>
      <c r="H25" s="31">
        <v>1783</v>
      </c>
      <c r="I25" s="26">
        <v>1780</v>
      </c>
      <c r="J25" s="27">
        <v>3563</v>
      </c>
    </row>
    <row r="26" spans="1:10" ht="18" customHeight="1" x14ac:dyDescent="0.15">
      <c r="A26" s="24">
        <v>16</v>
      </c>
      <c r="B26" s="25">
        <v>1830</v>
      </c>
      <c r="C26" s="26">
        <v>1756</v>
      </c>
      <c r="D26" s="27">
        <v>3586</v>
      </c>
      <c r="E26" s="31">
        <v>18</v>
      </c>
      <c r="F26" s="26">
        <v>16</v>
      </c>
      <c r="G26" s="27">
        <v>34</v>
      </c>
      <c r="H26" s="31">
        <v>1848</v>
      </c>
      <c r="I26" s="26">
        <v>1772</v>
      </c>
      <c r="J26" s="27">
        <v>3620</v>
      </c>
    </row>
    <row r="27" spans="1:10" ht="18" customHeight="1" x14ac:dyDescent="0.15">
      <c r="A27" s="24">
        <v>17</v>
      </c>
      <c r="B27" s="25">
        <v>1873</v>
      </c>
      <c r="C27" s="26">
        <v>1733</v>
      </c>
      <c r="D27" s="27">
        <v>3606</v>
      </c>
      <c r="E27" s="31">
        <v>11</v>
      </c>
      <c r="F27" s="26">
        <v>5</v>
      </c>
      <c r="G27" s="27">
        <v>16</v>
      </c>
      <c r="H27" s="31">
        <v>1884</v>
      </c>
      <c r="I27" s="26">
        <v>1738</v>
      </c>
      <c r="J27" s="27">
        <v>3622</v>
      </c>
    </row>
    <row r="28" spans="1:10" ht="18" customHeight="1" x14ac:dyDescent="0.15">
      <c r="A28" s="24">
        <v>18</v>
      </c>
      <c r="B28" s="25">
        <v>1829</v>
      </c>
      <c r="C28" s="26">
        <v>1795</v>
      </c>
      <c r="D28" s="27">
        <v>3624</v>
      </c>
      <c r="E28" s="31">
        <v>25</v>
      </c>
      <c r="F28" s="26">
        <v>20</v>
      </c>
      <c r="G28" s="27">
        <v>45</v>
      </c>
      <c r="H28" s="31">
        <v>1854</v>
      </c>
      <c r="I28" s="26">
        <v>1815</v>
      </c>
      <c r="J28" s="27">
        <v>3669</v>
      </c>
    </row>
    <row r="29" spans="1:10" ht="18" customHeight="1" x14ac:dyDescent="0.15">
      <c r="A29" s="24">
        <v>19</v>
      </c>
      <c r="B29" s="25">
        <v>1918</v>
      </c>
      <c r="C29" s="26">
        <v>1811</v>
      </c>
      <c r="D29" s="27">
        <v>3729</v>
      </c>
      <c r="E29" s="31">
        <v>61</v>
      </c>
      <c r="F29" s="26">
        <v>38</v>
      </c>
      <c r="G29" s="27">
        <v>99</v>
      </c>
      <c r="H29" s="31">
        <v>1979</v>
      </c>
      <c r="I29" s="26">
        <v>1849</v>
      </c>
      <c r="J29" s="27">
        <v>3828</v>
      </c>
    </row>
    <row r="30" spans="1:10" ht="18" customHeight="1" x14ac:dyDescent="0.15">
      <c r="A30" s="24" t="s">
        <v>13</v>
      </c>
      <c r="B30" s="25">
        <v>9216</v>
      </c>
      <c r="C30" s="26">
        <v>8854</v>
      </c>
      <c r="D30" s="27">
        <v>18070</v>
      </c>
      <c r="E30" s="31">
        <v>132</v>
      </c>
      <c r="F30" s="26">
        <v>100</v>
      </c>
      <c r="G30" s="27">
        <v>232</v>
      </c>
      <c r="H30" s="31">
        <v>9348</v>
      </c>
      <c r="I30" s="26">
        <v>8954</v>
      </c>
      <c r="J30" s="27">
        <v>18302</v>
      </c>
    </row>
    <row r="31" spans="1:10" ht="18" customHeight="1" x14ac:dyDescent="0.15">
      <c r="A31" s="24">
        <v>20</v>
      </c>
      <c r="B31" s="25">
        <v>1947</v>
      </c>
      <c r="C31" s="26">
        <v>1754</v>
      </c>
      <c r="D31" s="27">
        <v>3701</v>
      </c>
      <c r="E31" s="31">
        <v>95</v>
      </c>
      <c r="F31" s="26">
        <v>81</v>
      </c>
      <c r="G31" s="27">
        <v>176</v>
      </c>
      <c r="H31" s="31">
        <v>2042</v>
      </c>
      <c r="I31" s="26">
        <v>1835</v>
      </c>
      <c r="J31" s="27">
        <v>3877</v>
      </c>
    </row>
    <row r="32" spans="1:10" ht="18" customHeight="1" x14ac:dyDescent="0.15">
      <c r="A32" s="24">
        <v>21</v>
      </c>
      <c r="B32" s="25">
        <v>2005</v>
      </c>
      <c r="C32" s="26">
        <v>1821</v>
      </c>
      <c r="D32" s="27">
        <v>3826</v>
      </c>
      <c r="E32" s="31">
        <v>111</v>
      </c>
      <c r="F32" s="26">
        <v>103</v>
      </c>
      <c r="G32" s="27">
        <v>214</v>
      </c>
      <c r="H32" s="31">
        <v>2116</v>
      </c>
      <c r="I32" s="26">
        <v>1924</v>
      </c>
      <c r="J32" s="27">
        <v>4040</v>
      </c>
    </row>
    <row r="33" spans="1:10" ht="18" customHeight="1" x14ac:dyDescent="0.15">
      <c r="A33" s="24">
        <v>22</v>
      </c>
      <c r="B33" s="25">
        <v>2044</v>
      </c>
      <c r="C33" s="26">
        <v>1740</v>
      </c>
      <c r="D33" s="27">
        <v>3784</v>
      </c>
      <c r="E33" s="31">
        <v>140</v>
      </c>
      <c r="F33" s="26">
        <v>120</v>
      </c>
      <c r="G33" s="27">
        <v>260</v>
      </c>
      <c r="H33" s="31">
        <v>2184</v>
      </c>
      <c r="I33" s="26">
        <v>1860</v>
      </c>
      <c r="J33" s="27">
        <v>4044</v>
      </c>
    </row>
    <row r="34" spans="1:10" ht="18" customHeight="1" x14ac:dyDescent="0.15">
      <c r="A34" s="24">
        <v>23</v>
      </c>
      <c r="B34" s="25">
        <v>2042</v>
      </c>
      <c r="C34" s="26">
        <v>1770</v>
      </c>
      <c r="D34" s="27">
        <v>3812</v>
      </c>
      <c r="E34" s="31">
        <v>157</v>
      </c>
      <c r="F34" s="26">
        <v>103</v>
      </c>
      <c r="G34" s="27">
        <v>260</v>
      </c>
      <c r="H34" s="31">
        <v>2199</v>
      </c>
      <c r="I34" s="26">
        <v>1873</v>
      </c>
      <c r="J34" s="27">
        <v>4072</v>
      </c>
    </row>
    <row r="35" spans="1:10" ht="18" customHeight="1" x14ac:dyDescent="0.15">
      <c r="A35" s="24">
        <v>24</v>
      </c>
      <c r="B35" s="25">
        <v>1951</v>
      </c>
      <c r="C35" s="26">
        <v>1707</v>
      </c>
      <c r="D35" s="27">
        <v>3658</v>
      </c>
      <c r="E35" s="31">
        <v>146</v>
      </c>
      <c r="F35" s="26">
        <v>92</v>
      </c>
      <c r="G35" s="27">
        <v>238</v>
      </c>
      <c r="H35" s="31">
        <v>2097</v>
      </c>
      <c r="I35" s="26">
        <v>1799</v>
      </c>
      <c r="J35" s="27">
        <v>3896</v>
      </c>
    </row>
    <row r="36" spans="1:10" ht="18" customHeight="1" x14ac:dyDescent="0.15">
      <c r="A36" s="24" t="s">
        <v>14</v>
      </c>
      <c r="B36" s="25">
        <v>9989</v>
      </c>
      <c r="C36" s="26">
        <v>8792</v>
      </c>
      <c r="D36" s="27">
        <v>18781</v>
      </c>
      <c r="E36" s="31">
        <v>649</v>
      </c>
      <c r="F36" s="26">
        <v>499</v>
      </c>
      <c r="G36" s="27">
        <v>1148</v>
      </c>
      <c r="H36" s="31">
        <v>10638</v>
      </c>
      <c r="I36" s="26">
        <v>9291</v>
      </c>
      <c r="J36" s="27">
        <v>19929</v>
      </c>
    </row>
    <row r="37" spans="1:10" ht="18" customHeight="1" x14ac:dyDescent="0.15">
      <c r="A37" s="24">
        <v>25</v>
      </c>
      <c r="B37" s="25">
        <v>2011</v>
      </c>
      <c r="C37" s="26">
        <v>1711</v>
      </c>
      <c r="D37" s="27">
        <v>3722</v>
      </c>
      <c r="E37" s="31">
        <v>179</v>
      </c>
      <c r="F37" s="26">
        <v>97</v>
      </c>
      <c r="G37" s="27">
        <v>276</v>
      </c>
      <c r="H37" s="31">
        <v>2190</v>
      </c>
      <c r="I37" s="26">
        <v>1808</v>
      </c>
      <c r="J37" s="27">
        <v>3998</v>
      </c>
    </row>
    <row r="38" spans="1:10" ht="18" customHeight="1" x14ac:dyDescent="0.15">
      <c r="A38" s="24">
        <v>26</v>
      </c>
      <c r="B38" s="25">
        <v>1982</v>
      </c>
      <c r="C38" s="26">
        <v>1818</v>
      </c>
      <c r="D38" s="27">
        <v>3800</v>
      </c>
      <c r="E38" s="31">
        <v>175</v>
      </c>
      <c r="F38" s="26">
        <v>112</v>
      </c>
      <c r="G38" s="27">
        <v>287</v>
      </c>
      <c r="H38" s="31">
        <v>2157</v>
      </c>
      <c r="I38" s="26">
        <v>1930</v>
      </c>
      <c r="J38" s="27">
        <v>4087</v>
      </c>
    </row>
    <row r="39" spans="1:10" ht="18" customHeight="1" x14ac:dyDescent="0.15">
      <c r="A39" s="24">
        <v>27</v>
      </c>
      <c r="B39" s="25">
        <v>1950</v>
      </c>
      <c r="C39" s="26">
        <v>1711</v>
      </c>
      <c r="D39" s="27">
        <v>3661</v>
      </c>
      <c r="E39" s="31">
        <v>193</v>
      </c>
      <c r="F39" s="26">
        <v>104</v>
      </c>
      <c r="G39" s="27">
        <v>297</v>
      </c>
      <c r="H39" s="31">
        <v>2143</v>
      </c>
      <c r="I39" s="26">
        <v>1815</v>
      </c>
      <c r="J39" s="27">
        <v>3958</v>
      </c>
    </row>
    <row r="40" spans="1:10" ht="18" customHeight="1" x14ac:dyDescent="0.15">
      <c r="A40" s="24">
        <v>28</v>
      </c>
      <c r="B40" s="25">
        <v>2065</v>
      </c>
      <c r="C40" s="26">
        <v>1780</v>
      </c>
      <c r="D40" s="27">
        <v>3845</v>
      </c>
      <c r="E40" s="31">
        <v>162</v>
      </c>
      <c r="F40" s="26">
        <v>103</v>
      </c>
      <c r="G40" s="27">
        <v>265</v>
      </c>
      <c r="H40" s="31">
        <v>2227</v>
      </c>
      <c r="I40" s="26">
        <v>1883</v>
      </c>
      <c r="J40" s="27">
        <v>4110</v>
      </c>
    </row>
    <row r="41" spans="1:10" ht="18" customHeight="1" x14ac:dyDescent="0.15">
      <c r="A41" s="24">
        <v>29</v>
      </c>
      <c r="B41" s="25">
        <v>1925</v>
      </c>
      <c r="C41" s="26">
        <v>1726</v>
      </c>
      <c r="D41" s="27">
        <v>3651</v>
      </c>
      <c r="E41" s="31">
        <v>148</v>
      </c>
      <c r="F41" s="26">
        <v>102</v>
      </c>
      <c r="G41" s="27">
        <v>250</v>
      </c>
      <c r="H41" s="31">
        <v>2073</v>
      </c>
      <c r="I41" s="26">
        <v>1828</v>
      </c>
      <c r="J41" s="27">
        <v>3901</v>
      </c>
    </row>
    <row r="42" spans="1:10" ht="18" customHeight="1" x14ac:dyDescent="0.15">
      <c r="A42" s="24" t="s">
        <v>15</v>
      </c>
      <c r="B42" s="25">
        <v>9933</v>
      </c>
      <c r="C42" s="26">
        <v>8746</v>
      </c>
      <c r="D42" s="27">
        <v>18679</v>
      </c>
      <c r="E42" s="31">
        <v>857</v>
      </c>
      <c r="F42" s="26">
        <v>518</v>
      </c>
      <c r="G42" s="27">
        <v>1375</v>
      </c>
      <c r="H42" s="31">
        <v>10790</v>
      </c>
      <c r="I42" s="26">
        <v>9264</v>
      </c>
      <c r="J42" s="27">
        <v>20054</v>
      </c>
    </row>
    <row r="43" spans="1:10" ht="18" customHeight="1" x14ac:dyDescent="0.15">
      <c r="A43" s="24">
        <v>30</v>
      </c>
      <c r="B43" s="25">
        <v>1852</v>
      </c>
      <c r="C43" s="26">
        <v>1707</v>
      </c>
      <c r="D43" s="27">
        <v>3559</v>
      </c>
      <c r="E43" s="31">
        <v>143</v>
      </c>
      <c r="F43" s="26">
        <v>102</v>
      </c>
      <c r="G43" s="27">
        <v>245</v>
      </c>
      <c r="H43" s="31">
        <v>1995</v>
      </c>
      <c r="I43" s="26">
        <v>1809</v>
      </c>
      <c r="J43" s="27">
        <v>3804</v>
      </c>
    </row>
    <row r="44" spans="1:10" ht="18" customHeight="1" x14ac:dyDescent="0.15">
      <c r="A44" s="24">
        <v>31</v>
      </c>
      <c r="B44" s="25">
        <v>1938</v>
      </c>
      <c r="C44" s="26">
        <v>1771</v>
      </c>
      <c r="D44" s="27">
        <v>3709</v>
      </c>
      <c r="E44" s="31">
        <v>103</v>
      </c>
      <c r="F44" s="26">
        <v>74</v>
      </c>
      <c r="G44" s="27">
        <v>177</v>
      </c>
      <c r="H44" s="31">
        <v>2041</v>
      </c>
      <c r="I44" s="26">
        <v>1845</v>
      </c>
      <c r="J44" s="27">
        <v>3886</v>
      </c>
    </row>
    <row r="45" spans="1:10" ht="18" customHeight="1" x14ac:dyDescent="0.15">
      <c r="A45" s="24">
        <v>32</v>
      </c>
      <c r="B45" s="25">
        <v>1985</v>
      </c>
      <c r="C45" s="26">
        <v>1706</v>
      </c>
      <c r="D45" s="27">
        <v>3691</v>
      </c>
      <c r="E45" s="31">
        <v>119</v>
      </c>
      <c r="F45" s="26">
        <v>84</v>
      </c>
      <c r="G45" s="27">
        <v>203</v>
      </c>
      <c r="H45" s="31">
        <v>2104</v>
      </c>
      <c r="I45" s="26">
        <v>1790</v>
      </c>
      <c r="J45" s="27">
        <v>3894</v>
      </c>
    </row>
    <row r="46" spans="1:10" ht="18" customHeight="1" x14ac:dyDescent="0.15">
      <c r="A46" s="24">
        <v>33</v>
      </c>
      <c r="B46" s="25">
        <v>2014</v>
      </c>
      <c r="C46" s="26">
        <v>1794</v>
      </c>
      <c r="D46" s="27">
        <v>3808</v>
      </c>
      <c r="E46" s="31">
        <v>125</v>
      </c>
      <c r="F46" s="26">
        <v>89</v>
      </c>
      <c r="G46" s="27">
        <v>214</v>
      </c>
      <c r="H46" s="31">
        <v>2139</v>
      </c>
      <c r="I46" s="26">
        <v>1883</v>
      </c>
      <c r="J46" s="27">
        <v>4022</v>
      </c>
    </row>
    <row r="47" spans="1:10" ht="18" customHeight="1" x14ac:dyDescent="0.15">
      <c r="A47" s="24">
        <v>34</v>
      </c>
      <c r="B47" s="25">
        <v>2074</v>
      </c>
      <c r="C47" s="26">
        <v>1854</v>
      </c>
      <c r="D47" s="27">
        <v>3928</v>
      </c>
      <c r="E47" s="31">
        <v>88</v>
      </c>
      <c r="F47" s="26">
        <v>68</v>
      </c>
      <c r="G47" s="27">
        <v>156</v>
      </c>
      <c r="H47" s="31">
        <v>2162</v>
      </c>
      <c r="I47" s="26">
        <v>1922</v>
      </c>
      <c r="J47" s="27">
        <v>4084</v>
      </c>
    </row>
    <row r="48" spans="1:10" ht="18" customHeight="1" x14ac:dyDescent="0.15">
      <c r="A48" s="24" t="s">
        <v>16</v>
      </c>
      <c r="B48" s="25">
        <v>9863</v>
      </c>
      <c r="C48" s="26">
        <v>8832</v>
      </c>
      <c r="D48" s="27">
        <v>18695</v>
      </c>
      <c r="E48" s="31">
        <v>578</v>
      </c>
      <c r="F48" s="26">
        <v>417</v>
      </c>
      <c r="G48" s="27">
        <v>995</v>
      </c>
      <c r="H48" s="31">
        <v>10441</v>
      </c>
      <c r="I48" s="26">
        <v>9249</v>
      </c>
      <c r="J48" s="27">
        <v>19690</v>
      </c>
    </row>
    <row r="49" spans="1:10" ht="18" customHeight="1" x14ac:dyDescent="0.15">
      <c r="A49" s="24">
        <v>35</v>
      </c>
      <c r="B49" s="25">
        <v>2016</v>
      </c>
      <c r="C49" s="26">
        <v>1879</v>
      </c>
      <c r="D49" s="27">
        <v>3895</v>
      </c>
      <c r="E49" s="31">
        <v>98</v>
      </c>
      <c r="F49" s="26">
        <v>69</v>
      </c>
      <c r="G49" s="27">
        <v>167</v>
      </c>
      <c r="H49" s="31">
        <v>2114</v>
      </c>
      <c r="I49" s="26">
        <v>1948</v>
      </c>
      <c r="J49" s="27">
        <v>4062</v>
      </c>
    </row>
    <row r="50" spans="1:10" ht="18" customHeight="1" x14ac:dyDescent="0.15">
      <c r="A50" s="24">
        <v>36</v>
      </c>
      <c r="B50" s="25">
        <v>2160</v>
      </c>
      <c r="C50" s="26">
        <v>2089</v>
      </c>
      <c r="D50" s="27">
        <v>4249</v>
      </c>
      <c r="E50" s="31">
        <v>72</v>
      </c>
      <c r="F50" s="26">
        <v>77</v>
      </c>
      <c r="G50" s="27">
        <v>149</v>
      </c>
      <c r="H50" s="31">
        <v>2232</v>
      </c>
      <c r="I50" s="26">
        <v>2166</v>
      </c>
      <c r="J50" s="27">
        <v>4398</v>
      </c>
    </row>
    <row r="51" spans="1:10" ht="18" customHeight="1" x14ac:dyDescent="0.15">
      <c r="A51" s="24">
        <v>37</v>
      </c>
      <c r="B51" s="25">
        <v>2221</v>
      </c>
      <c r="C51" s="26">
        <v>2148</v>
      </c>
      <c r="D51" s="27">
        <v>4369</v>
      </c>
      <c r="E51" s="31">
        <v>68</v>
      </c>
      <c r="F51" s="26">
        <v>70</v>
      </c>
      <c r="G51" s="27">
        <v>138</v>
      </c>
      <c r="H51" s="31">
        <v>2289</v>
      </c>
      <c r="I51" s="26">
        <v>2218</v>
      </c>
      <c r="J51" s="27">
        <v>4507</v>
      </c>
    </row>
    <row r="52" spans="1:10" ht="18" customHeight="1" x14ac:dyDescent="0.15">
      <c r="A52" s="24">
        <v>38</v>
      </c>
      <c r="B52" s="25">
        <v>2437</v>
      </c>
      <c r="C52" s="26">
        <v>2141</v>
      </c>
      <c r="D52" s="27">
        <v>4578</v>
      </c>
      <c r="E52" s="31">
        <v>67</v>
      </c>
      <c r="F52" s="26">
        <v>85</v>
      </c>
      <c r="G52" s="27">
        <v>152</v>
      </c>
      <c r="H52" s="31">
        <v>2504</v>
      </c>
      <c r="I52" s="26">
        <v>2226</v>
      </c>
      <c r="J52" s="27">
        <v>4730</v>
      </c>
    </row>
    <row r="53" spans="1:10" ht="18" customHeight="1" x14ac:dyDescent="0.15">
      <c r="A53" s="24">
        <v>39</v>
      </c>
      <c r="B53" s="25">
        <v>2297</v>
      </c>
      <c r="C53" s="26">
        <v>2136</v>
      </c>
      <c r="D53" s="27">
        <v>4433</v>
      </c>
      <c r="E53" s="31">
        <v>68</v>
      </c>
      <c r="F53" s="26">
        <v>76</v>
      </c>
      <c r="G53" s="27">
        <v>144</v>
      </c>
      <c r="H53" s="31">
        <v>2365</v>
      </c>
      <c r="I53" s="26">
        <v>2212</v>
      </c>
      <c r="J53" s="27">
        <v>4577</v>
      </c>
    </row>
    <row r="54" spans="1:10" ht="18" customHeight="1" x14ac:dyDescent="0.15">
      <c r="A54" s="24" t="s">
        <v>17</v>
      </c>
      <c r="B54" s="25">
        <v>11131</v>
      </c>
      <c r="C54" s="26">
        <v>10393</v>
      </c>
      <c r="D54" s="27">
        <v>21524</v>
      </c>
      <c r="E54" s="31">
        <v>373</v>
      </c>
      <c r="F54" s="26">
        <v>377</v>
      </c>
      <c r="G54" s="27">
        <v>750</v>
      </c>
      <c r="H54" s="31">
        <v>11504</v>
      </c>
      <c r="I54" s="26">
        <v>10770</v>
      </c>
      <c r="J54" s="27">
        <v>22274</v>
      </c>
    </row>
    <row r="55" spans="1:10" ht="18" customHeight="1" x14ac:dyDescent="0.15">
      <c r="A55" s="24">
        <v>40</v>
      </c>
      <c r="B55" s="25">
        <v>2395</v>
      </c>
      <c r="C55" s="26">
        <v>2109</v>
      </c>
      <c r="D55" s="27">
        <v>4504</v>
      </c>
      <c r="E55" s="31">
        <v>59</v>
      </c>
      <c r="F55" s="26">
        <v>72</v>
      </c>
      <c r="G55" s="27">
        <v>131</v>
      </c>
      <c r="H55" s="31">
        <v>2454</v>
      </c>
      <c r="I55" s="26">
        <v>2181</v>
      </c>
      <c r="J55" s="27">
        <v>4635</v>
      </c>
    </row>
    <row r="56" spans="1:10" ht="18" customHeight="1" x14ac:dyDescent="0.15">
      <c r="A56" s="24">
        <v>41</v>
      </c>
      <c r="B56" s="25">
        <v>2402</v>
      </c>
      <c r="C56" s="26">
        <v>2334</v>
      </c>
      <c r="D56" s="27">
        <v>4736</v>
      </c>
      <c r="E56" s="31">
        <v>61</v>
      </c>
      <c r="F56" s="26">
        <v>104</v>
      </c>
      <c r="G56" s="27">
        <v>165</v>
      </c>
      <c r="H56" s="31">
        <v>2463</v>
      </c>
      <c r="I56" s="26">
        <v>2438</v>
      </c>
      <c r="J56" s="27">
        <v>4901</v>
      </c>
    </row>
    <row r="57" spans="1:10" ht="18" customHeight="1" x14ac:dyDescent="0.15">
      <c r="A57" s="24">
        <v>42</v>
      </c>
      <c r="B57" s="25">
        <v>2431</v>
      </c>
      <c r="C57" s="26">
        <v>2219</v>
      </c>
      <c r="D57" s="27">
        <v>4650</v>
      </c>
      <c r="E57" s="31">
        <v>36</v>
      </c>
      <c r="F57" s="26">
        <v>72</v>
      </c>
      <c r="G57" s="27">
        <v>108</v>
      </c>
      <c r="H57" s="31">
        <v>2467</v>
      </c>
      <c r="I57" s="26">
        <v>2291</v>
      </c>
      <c r="J57" s="27">
        <v>4758</v>
      </c>
    </row>
    <row r="58" spans="1:10" ht="18" customHeight="1" x14ac:dyDescent="0.15">
      <c r="A58" s="24">
        <v>43</v>
      </c>
      <c r="B58" s="25">
        <v>2610</v>
      </c>
      <c r="C58" s="26">
        <v>2430</v>
      </c>
      <c r="D58" s="27">
        <v>5040</v>
      </c>
      <c r="E58" s="31">
        <v>48</v>
      </c>
      <c r="F58" s="26">
        <v>71</v>
      </c>
      <c r="G58" s="27">
        <v>119</v>
      </c>
      <c r="H58" s="31">
        <v>2658</v>
      </c>
      <c r="I58" s="26">
        <v>2501</v>
      </c>
      <c r="J58" s="27">
        <v>5159</v>
      </c>
    </row>
    <row r="59" spans="1:10" ht="18" customHeight="1" x14ac:dyDescent="0.15">
      <c r="A59" s="24">
        <v>44</v>
      </c>
      <c r="B59" s="25">
        <v>2740</v>
      </c>
      <c r="C59" s="26">
        <v>2607</v>
      </c>
      <c r="D59" s="27">
        <v>5347</v>
      </c>
      <c r="E59" s="31">
        <v>30</v>
      </c>
      <c r="F59" s="26">
        <v>82</v>
      </c>
      <c r="G59" s="27">
        <v>112</v>
      </c>
      <c r="H59" s="31">
        <v>2770</v>
      </c>
      <c r="I59" s="26">
        <v>2689</v>
      </c>
      <c r="J59" s="27">
        <v>5459</v>
      </c>
    </row>
    <row r="60" spans="1:10" ht="18" customHeight="1" x14ac:dyDescent="0.15">
      <c r="A60" s="24" t="s">
        <v>18</v>
      </c>
      <c r="B60" s="25">
        <v>12578</v>
      </c>
      <c r="C60" s="26">
        <v>11699</v>
      </c>
      <c r="D60" s="27">
        <v>24277</v>
      </c>
      <c r="E60" s="31">
        <v>234</v>
      </c>
      <c r="F60" s="26">
        <v>401</v>
      </c>
      <c r="G60" s="27">
        <v>635</v>
      </c>
      <c r="H60" s="31">
        <v>12812</v>
      </c>
      <c r="I60" s="26">
        <v>12100</v>
      </c>
      <c r="J60" s="27">
        <v>24912</v>
      </c>
    </row>
    <row r="61" spans="1:10" ht="18" customHeight="1" x14ac:dyDescent="0.15">
      <c r="A61" s="24">
        <v>45</v>
      </c>
      <c r="B61" s="25">
        <v>2981</v>
      </c>
      <c r="C61" s="26">
        <v>2625</v>
      </c>
      <c r="D61" s="27">
        <v>5606</v>
      </c>
      <c r="E61" s="31">
        <v>37</v>
      </c>
      <c r="F61" s="26">
        <v>70</v>
      </c>
      <c r="G61" s="27">
        <v>107</v>
      </c>
      <c r="H61" s="31">
        <v>3018</v>
      </c>
      <c r="I61" s="26">
        <v>2695</v>
      </c>
      <c r="J61" s="27">
        <v>5713</v>
      </c>
    </row>
    <row r="62" spans="1:10" ht="18" customHeight="1" x14ac:dyDescent="0.15">
      <c r="A62" s="24">
        <v>46</v>
      </c>
      <c r="B62" s="25">
        <v>2992</v>
      </c>
      <c r="C62" s="26">
        <v>2786</v>
      </c>
      <c r="D62" s="27">
        <v>5778</v>
      </c>
      <c r="E62" s="31">
        <v>36</v>
      </c>
      <c r="F62" s="26">
        <v>70</v>
      </c>
      <c r="G62" s="27">
        <v>106</v>
      </c>
      <c r="H62" s="31">
        <v>3028</v>
      </c>
      <c r="I62" s="26">
        <v>2856</v>
      </c>
      <c r="J62" s="27">
        <v>5884</v>
      </c>
    </row>
    <row r="63" spans="1:10" ht="18" customHeight="1" x14ac:dyDescent="0.15">
      <c r="A63" s="24">
        <v>47</v>
      </c>
      <c r="B63" s="25">
        <v>3214</v>
      </c>
      <c r="C63" s="26">
        <v>3001</v>
      </c>
      <c r="D63" s="27">
        <v>6215</v>
      </c>
      <c r="E63" s="31">
        <v>21</v>
      </c>
      <c r="F63" s="26">
        <v>69</v>
      </c>
      <c r="G63" s="27">
        <v>90</v>
      </c>
      <c r="H63" s="31">
        <v>3235</v>
      </c>
      <c r="I63" s="26">
        <v>3070</v>
      </c>
      <c r="J63" s="27">
        <v>6305</v>
      </c>
    </row>
    <row r="64" spans="1:10" ht="18" customHeight="1" x14ac:dyDescent="0.15">
      <c r="A64" s="24">
        <v>48</v>
      </c>
      <c r="B64" s="25">
        <v>3362</v>
      </c>
      <c r="C64" s="26">
        <v>3236</v>
      </c>
      <c r="D64" s="27">
        <v>6598</v>
      </c>
      <c r="E64" s="31">
        <v>28</v>
      </c>
      <c r="F64" s="26">
        <v>65</v>
      </c>
      <c r="G64" s="27">
        <v>93</v>
      </c>
      <c r="H64" s="31">
        <v>3390</v>
      </c>
      <c r="I64" s="26">
        <v>3301</v>
      </c>
      <c r="J64" s="27">
        <v>6691</v>
      </c>
    </row>
    <row r="65" spans="1:10" ht="18" customHeight="1" x14ac:dyDescent="0.15">
      <c r="A65" s="24">
        <v>49</v>
      </c>
      <c r="B65" s="25">
        <v>3499</v>
      </c>
      <c r="C65" s="26">
        <v>3428</v>
      </c>
      <c r="D65" s="27">
        <v>6927</v>
      </c>
      <c r="E65" s="31">
        <v>30</v>
      </c>
      <c r="F65" s="26">
        <v>63</v>
      </c>
      <c r="G65" s="27">
        <v>93</v>
      </c>
      <c r="H65" s="31">
        <v>3529</v>
      </c>
      <c r="I65" s="26">
        <v>3491</v>
      </c>
      <c r="J65" s="27">
        <v>7020</v>
      </c>
    </row>
    <row r="66" spans="1:10" ht="18" customHeight="1" x14ac:dyDescent="0.15">
      <c r="A66" s="24" t="s">
        <v>19</v>
      </c>
      <c r="B66" s="25">
        <v>16048</v>
      </c>
      <c r="C66" s="26">
        <v>15076</v>
      </c>
      <c r="D66" s="27">
        <v>31124</v>
      </c>
      <c r="E66" s="31">
        <v>152</v>
      </c>
      <c r="F66" s="26">
        <v>337</v>
      </c>
      <c r="G66" s="27">
        <v>489</v>
      </c>
      <c r="H66" s="31">
        <v>16200</v>
      </c>
      <c r="I66" s="26">
        <v>15413</v>
      </c>
      <c r="J66" s="27">
        <v>31613</v>
      </c>
    </row>
    <row r="67" spans="1:10" ht="18" customHeight="1" x14ac:dyDescent="0.15">
      <c r="A67" s="24">
        <v>50</v>
      </c>
      <c r="B67" s="25">
        <v>3492</v>
      </c>
      <c r="C67" s="26">
        <v>3285</v>
      </c>
      <c r="D67" s="27">
        <v>6777</v>
      </c>
      <c r="E67" s="31">
        <v>29</v>
      </c>
      <c r="F67" s="26">
        <v>83</v>
      </c>
      <c r="G67" s="27">
        <v>112</v>
      </c>
      <c r="H67" s="31">
        <v>3521</v>
      </c>
      <c r="I67" s="26">
        <v>3368</v>
      </c>
      <c r="J67" s="27">
        <v>6889</v>
      </c>
    </row>
    <row r="68" spans="1:10" ht="18" customHeight="1" x14ac:dyDescent="0.15">
      <c r="A68" s="24">
        <v>51</v>
      </c>
      <c r="B68" s="25">
        <v>3341</v>
      </c>
      <c r="C68" s="26">
        <v>3181</v>
      </c>
      <c r="D68" s="27">
        <v>6522</v>
      </c>
      <c r="E68" s="31">
        <v>28</v>
      </c>
      <c r="F68" s="26">
        <v>66</v>
      </c>
      <c r="G68" s="27">
        <v>94</v>
      </c>
      <c r="H68" s="31">
        <v>3369</v>
      </c>
      <c r="I68" s="26">
        <v>3247</v>
      </c>
      <c r="J68" s="27">
        <v>6616</v>
      </c>
    </row>
    <row r="69" spans="1:10" ht="18" customHeight="1" x14ac:dyDescent="0.15">
      <c r="A69" s="24">
        <v>52</v>
      </c>
      <c r="B69" s="25">
        <v>3215</v>
      </c>
      <c r="C69" s="26">
        <v>3014</v>
      </c>
      <c r="D69" s="27">
        <v>6229</v>
      </c>
      <c r="E69" s="31">
        <v>29</v>
      </c>
      <c r="F69" s="26">
        <v>68</v>
      </c>
      <c r="G69" s="27">
        <v>97</v>
      </c>
      <c r="H69" s="31">
        <v>3244</v>
      </c>
      <c r="I69" s="26">
        <v>3082</v>
      </c>
      <c r="J69" s="27">
        <v>6326</v>
      </c>
    </row>
    <row r="70" spans="1:10" ht="18" customHeight="1" x14ac:dyDescent="0.15">
      <c r="A70" s="24">
        <v>53</v>
      </c>
      <c r="B70" s="25">
        <v>3057</v>
      </c>
      <c r="C70" s="26">
        <v>2817</v>
      </c>
      <c r="D70" s="27">
        <v>5874</v>
      </c>
      <c r="E70" s="31">
        <v>24</v>
      </c>
      <c r="F70" s="26">
        <v>77</v>
      </c>
      <c r="G70" s="27">
        <v>101</v>
      </c>
      <c r="H70" s="31">
        <v>3081</v>
      </c>
      <c r="I70" s="26">
        <v>2894</v>
      </c>
      <c r="J70" s="27">
        <v>5975</v>
      </c>
    </row>
    <row r="71" spans="1:10" ht="18" customHeight="1" x14ac:dyDescent="0.15">
      <c r="A71" s="24">
        <v>54</v>
      </c>
      <c r="B71" s="25">
        <v>3007</v>
      </c>
      <c r="C71" s="26">
        <v>2865</v>
      </c>
      <c r="D71" s="27">
        <v>5872</v>
      </c>
      <c r="E71" s="31">
        <v>41</v>
      </c>
      <c r="F71" s="26">
        <v>67</v>
      </c>
      <c r="G71" s="27">
        <v>108</v>
      </c>
      <c r="H71" s="31">
        <v>3048</v>
      </c>
      <c r="I71" s="26">
        <v>2932</v>
      </c>
      <c r="J71" s="27">
        <v>5980</v>
      </c>
    </row>
    <row r="72" spans="1:10" ht="18" customHeight="1" x14ac:dyDescent="0.15">
      <c r="A72" s="24" t="s">
        <v>20</v>
      </c>
      <c r="B72" s="25">
        <v>16112</v>
      </c>
      <c r="C72" s="26">
        <v>15162</v>
      </c>
      <c r="D72" s="27">
        <v>31274</v>
      </c>
      <c r="E72" s="31">
        <v>151</v>
      </c>
      <c r="F72" s="26">
        <v>361</v>
      </c>
      <c r="G72" s="27">
        <v>512</v>
      </c>
      <c r="H72" s="31">
        <v>16263</v>
      </c>
      <c r="I72" s="26">
        <v>15523</v>
      </c>
      <c r="J72" s="27">
        <v>31786</v>
      </c>
    </row>
    <row r="73" spans="1:10" ht="18" customHeight="1" x14ac:dyDescent="0.15">
      <c r="A73" s="24">
        <v>55</v>
      </c>
      <c r="B73" s="25">
        <v>2856</v>
      </c>
      <c r="C73" s="26">
        <v>2757</v>
      </c>
      <c r="D73" s="27">
        <v>5613</v>
      </c>
      <c r="E73" s="31">
        <v>27</v>
      </c>
      <c r="F73" s="26">
        <v>64</v>
      </c>
      <c r="G73" s="27">
        <v>91</v>
      </c>
      <c r="H73" s="31">
        <v>2883</v>
      </c>
      <c r="I73" s="26">
        <v>2821</v>
      </c>
      <c r="J73" s="27">
        <v>5704</v>
      </c>
    </row>
    <row r="74" spans="1:10" ht="18" customHeight="1" x14ac:dyDescent="0.15">
      <c r="A74" s="24">
        <v>56</v>
      </c>
      <c r="B74" s="25">
        <v>2363</v>
      </c>
      <c r="C74" s="26">
        <v>2358</v>
      </c>
      <c r="D74" s="27">
        <v>4721</v>
      </c>
      <c r="E74" s="31">
        <v>16</v>
      </c>
      <c r="F74" s="26">
        <v>62</v>
      </c>
      <c r="G74" s="27">
        <v>78</v>
      </c>
      <c r="H74" s="31">
        <v>2379</v>
      </c>
      <c r="I74" s="26">
        <v>2420</v>
      </c>
      <c r="J74" s="27">
        <v>4799</v>
      </c>
    </row>
    <row r="75" spans="1:10" ht="18" customHeight="1" x14ac:dyDescent="0.15">
      <c r="A75" s="24">
        <v>57</v>
      </c>
      <c r="B75" s="25">
        <v>2463</v>
      </c>
      <c r="C75" s="26">
        <v>2528</v>
      </c>
      <c r="D75" s="27">
        <v>4991</v>
      </c>
      <c r="E75" s="31">
        <v>22</v>
      </c>
      <c r="F75" s="26">
        <v>35</v>
      </c>
      <c r="G75" s="27">
        <v>57</v>
      </c>
      <c r="H75" s="31">
        <v>2485</v>
      </c>
      <c r="I75" s="26">
        <v>2563</v>
      </c>
      <c r="J75" s="27">
        <v>5048</v>
      </c>
    </row>
    <row r="76" spans="1:10" ht="18" customHeight="1" x14ac:dyDescent="0.15">
      <c r="A76" s="24">
        <v>58</v>
      </c>
      <c r="B76" s="25">
        <v>2563</v>
      </c>
      <c r="C76" s="26">
        <v>2594</v>
      </c>
      <c r="D76" s="27">
        <v>5157</v>
      </c>
      <c r="E76" s="31">
        <v>17</v>
      </c>
      <c r="F76" s="26">
        <v>41</v>
      </c>
      <c r="G76" s="27">
        <v>58</v>
      </c>
      <c r="H76" s="31">
        <v>2580</v>
      </c>
      <c r="I76" s="26">
        <v>2635</v>
      </c>
      <c r="J76" s="27">
        <v>5215</v>
      </c>
    </row>
    <row r="77" spans="1:10" ht="18" customHeight="1" x14ac:dyDescent="0.15">
      <c r="A77" s="24">
        <v>59</v>
      </c>
      <c r="B77" s="25">
        <v>2494</v>
      </c>
      <c r="C77" s="26">
        <v>2421</v>
      </c>
      <c r="D77" s="27">
        <v>4915</v>
      </c>
      <c r="E77" s="31">
        <v>23</v>
      </c>
      <c r="F77" s="26">
        <v>41</v>
      </c>
      <c r="G77" s="27">
        <v>64</v>
      </c>
      <c r="H77" s="31">
        <v>2517</v>
      </c>
      <c r="I77" s="26">
        <v>2462</v>
      </c>
      <c r="J77" s="27">
        <v>4979</v>
      </c>
    </row>
    <row r="78" spans="1:10" ht="18" customHeight="1" x14ac:dyDescent="0.15">
      <c r="A78" s="24" t="s">
        <v>21</v>
      </c>
      <c r="B78" s="25">
        <v>12739</v>
      </c>
      <c r="C78" s="26">
        <v>12658</v>
      </c>
      <c r="D78" s="27">
        <v>25397</v>
      </c>
      <c r="E78" s="31">
        <v>105</v>
      </c>
      <c r="F78" s="26">
        <v>243</v>
      </c>
      <c r="G78" s="27">
        <v>348</v>
      </c>
      <c r="H78" s="31">
        <v>12844</v>
      </c>
      <c r="I78" s="26">
        <v>12901</v>
      </c>
      <c r="J78" s="27">
        <v>25745</v>
      </c>
    </row>
    <row r="79" spans="1:10" ht="18" customHeight="1" x14ac:dyDescent="0.15">
      <c r="A79" s="24">
        <v>60</v>
      </c>
      <c r="B79" s="25">
        <v>2383</v>
      </c>
      <c r="C79" s="26">
        <v>2409</v>
      </c>
      <c r="D79" s="27">
        <v>4792</v>
      </c>
      <c r="E79" s="31">
        <v>17</v>
      </c>
      <c r="F79" s="26">
        <v>32</v>
      </c>
      <c r="G79" s="27">
        <v>49</v>
      </c>
      <c r="H79" s="31">
        <v>2400</v>
      </c>
      <c r="I79" s="26">
        <v>2441</v>
      </c>
      <c r="J79" s="27">
        <v>4841</v>
      </c>
    </row>
    <row r="80" spans="1:10" ht="18" customHeight="1" x14ac:dyDescent="0.15">
      <c r="A80" s="24">
        <v>61</v>
      </c>
      <c r="B80" s="25">
        <v>2280</v>
      </c>
      <c r="C80" s="26">
        <v>2290</v>
      </c>
      <c r="D80" s="27">
        <v>4570</v>
      </c>
      <c r="E80" s="31">
        <v>21</v>
      </c>
      <c r="F80" s="26">
        <v>30</v>
      </c>
      <c r="G80" s="27">
        <v>51</v>
      </c>
      <c r="H80" s="31">
        <v>2301</v>
      </c>
      <c r="I80" s="26">
        <v>2320</v>
      </c>
      <c r="J80" s="27">
        <v>4621</v>
      </c>
    </row>
    <row r="81" spans="1:10" ht="18" customHeight="1" x14ac:dyDescent="0.15">
      <c r="A81" s="24">
        <v>62</v>
      </c>
      <c r="B81" s="25">
        <v>2262</v>
      </c>
      <c r="C81" s="26">
        <v>2424</v>
      </c>
      <c r="D81" s="27">
        <v>4686</v>
      </c>
      <c r="E81" s="31">
        <v>16</v>
      </c>
      <c r="F81" s="26">
        <v>22</v>
      </c>
      <c r="G81" s="27">
        <v>38</v>
      </c>
      <c r="H81" s="31">
        <v>2278</v>
      </c>
      <c r="I81" s="26">
        <v>2446</v>
      </c>
      <c r="J81" s="27">
        <v>4724</v>
      </c>
    </row>
    <row r="82" spans="1:10" ht="18" customHeight="1" x14ac:dyDescent="0.15">
      <c r="A82" s="24">
        <v>63</v>
      </c>
      <c r="B82" s="25">
        <v>2301</v>
      </c>
      <c r="C82" s="26">
        <v>2322</v>
      </c>
      <c r="D82" s="27">
        <v>4623</v>
      </c>
      <c r="E82" s="31">
        <v>12</v>
      </c>
      <c r="F82" s="26">
        <v>21</v>
      </c>
      <c r="G82" s="27">
        <v>33</v>
      </c>
      <c r="H82" s="31">
        <v>2313</v>
      </c>
      <c r="I82" s="26">
        <v>2343</v>
      </c>
      <c r="J82" s="27">
        <v>4656</v>
      </c>
    </row>
    <row r="83" spans="1:10" ht="18" customHeight="1" x14ac:dyDescent="0.15">
      <c r="A83" s="24">
        <v>64</v>
      </c>
      <c r="B83" s="25">
        <v>2262</v>
      </c>
      <c r="C83" s="26">
        <v>2479</v>
      </c>
      <c r="D83" s="27">
        <v>4741</v>
      </c>
      <c r="E83" s="31">
        <v>4</v>
      </c>
      <c r="F83" s="26">
        <v>23</v>
      </c>
      <c r="G83" s="27">
        <v>27</v>
      </c>
      <c r="H83" s="31">
        <v>2266</v>
      </c>
      <c r="I83" s="26">
        <v>2502</v>
      </c>
      <c r="J83" s="27">
        <v>4768</v>
      </c>
    </row>
    <row r="84" spans="1:10" ht="18" customHeight="1" x14ac:dyDescent="0.15">
      <c r="A84" s="24" t="s">
        <v>22</v>
      </c>
      <c r="B84" s="25">
        <v>11488</v>
      </c>
      <c r="C84" s="26">
        <v>11924</v>
      </c>
      <c r="D84" s="27">
        <v>23412</v>
      </c>
      <c r="E84" s="31">
        <v>70</v>
      </c>
      <c r="F84" s="26">
        <v>128</v>
      </c>
      <c r="G84" s="27">
        <v>198</v>
      </c>
      <c r="H84" s="31">
        <v>11558</v>
      </c>
      <c r="I84" s="26">
        <v>12052</v>
      </c>
      <c r="J84" s="27">
        <v>23610</v>
      </c>
    </row>
    <row r="85" spans="1:10" ht="18" customHeight="1" x14ac:dyDescent="0.15">
      <c r="A85" s="24" t="s">
        <v>23</v>
      </c>
      <c r="B85" s="25">
        <v>119097</v>
      </c>
      <c r="C85" s="26">
        <v>112136</v>
      </c>
      <c r="D85" s="27">
        <v>231233</v>
      </c>
      <c r="E85" s="31">
        <v>3301</v>
      </c>
      <c r="F85" s="26">
        <v>3381</v>
      </c>
      <c r="G85" s="27">
        <v>6682</v>
      </c>
      <c r="H85" s="31">
        <v>122398</v>
      </c>
      <c r="I85" s="26">
        <v>115517</v>
      </c>
      <c r="J85" s="27">
        <v>237915</v>
      </c>
    </row>
    <row r="86" spans="1:10" ht="18" customHeight="1" x14ac:dyDescent="0.15">
      <c r="A86" s="24">
        <v>65</v>
      </c>
      <c r="B86" s="25">
        <v>2230</v>
      </c>
      <c r="C86" s="26">
        <v>2247</v>
      </c>
      <c r="D86" s="27">
        <v>4477</v>
      </c>
      <c r="E86" s="31">
        <v>15</v>
      </c>
      <c r="F86" s="26">
        <v>15</v>
      </c>
      <c r="G86" s="27">
        <v>30</v>
      </c>
      <c r="H86" s="31">
        <v>2245</v>
      </c>
      <c r="I86" s="26">
        <v>2262</v>
      </c>
      <c r="J86" s="27">
        <v>4507</v>
      </c>
    </row>
    <row r="87" spans="1:10" ht="18" customHeight="1" x14ac:dyDescent="0.15">
      <c r="A87" s="24">
        <v>66</v>
      </c>
      <c r="B87" s="25">
        <v>2151</v>
      </c>
      <c r="C87" s="26">
        <v>2293</v>
      </c>
      <c r="D87" s="27">
        <v>4444</v>
      </c>
      <c r="E87" s="31">
        <v>7</v>
      </c>
      <c r="F87" s="26">
        <v>11</v>
      </c>
      <c r="G87" s="27">
        <v>18</v>
      </c>
      <c r="H87" s="31">
        <v>2158</v>
      </c>
      <c r="I87" s="26">
        <v>2304</v>
      </c>
      <c r="J87" s="27">
        <v>4462</v>
      </c>
    </row>
    <row r="88" spans="1:10" ht="18" customHeight="1" x14ac:dyDescent="0.15">
      <c r="A88" s="24">
        <v>67</v>
      </c>
      <c r="B88" s="25">
        <v>2332</v>
      </c>
      <c r="C88" s="26">
        <v>2528</v>
      </c>
      <c r="D88" s="27">
        <v>4860</v>
      </c>
      <c r="E88" s="31">
        <v>9</v>
      </c>
      <c r="F88" s="26">
        <v>13</v>
      </c>
      <c r="G88" s="27">
        <v>22</v>
      </c>
      <c r="H88" s="31">
        <v>2341</v>
      </c>
      <c r="I88" s="26">
        <v>2541</v>
      </c>
      <c r="J88" s="27">
        <v>4882</v>
      </c>
    </row>
    <row r="89" spans="1:10" ht="18" customHeight="1" x14ac:dyDescent="0.15">
      <c r="A89" s="24">
        <v>68</v>
      </c>
      <c r="B89" s="25">
        <v>2374</v>
      </c>
      <c r="C89" s="26">
        <v>2567</v>
      </c>
      <c r="D89" s="27">
        <v>4941</v>
      </c>
      <c r="E89" s="31">
        <v>11</v>
      </c>
      <c r="F89" s="26">
        <v>14</v>
      </c>
      <c r="G89" s="27">
        <v>25</v>
      </c>
      <c r="H89" s="31">
        <v>2385</v>
      </c>
      <c r="I89" s="26">
        <v>2581</v>
      </c>
      <c r="J89" s="27">
        <v>4966</v>
      </c>
    </row>
    <row r="90" spans="1:10" ht="18" customHeight="1" x14ac:dyDescent="0.15">
      <c r="A90" s="24">
        <v>69</v>
      </c>
      <c r="B90" s="25">
        <v>2467</v>
      </c>
      <c r="C90" s="26">
        <v>2716</v>
      </c>
      <c r="D90" s="27">
        <v>5183</v>
      </c>
      <c r="E90" s="31">
        <v>14</v>
      </c>
      <c r="F90" s="26">
        <v>8</v>
      </c>
      <c r="G90" s="27">
        <v>22</v>
      </c>
      <c r="H90" s="31">
        <v>2481</v>
      </c>
      <c r="I90" s="26">
        <v>2724</v>
      </c>
      <c r="J90" s="27">
        <v>5205</v>
      </c>
    </row>
    <row r="91" spans="1:10" ht="18" customHeight="1" x14ac:dyDescent="0.15">
      <c r="A91" s="24" t="s">
        <v>24</v>
      </c>
      <c r="B91" s="25">
        <v>11554</v>
      </c>
      <c r="C91" s="26">
        <v>12351</v>
      </c>
      <c r="D91" s="27">
        <v>23905</v>
      </c>
      <c r="E91" s="31">
        <v>56</v>
      </c>
      <c r="F91" s="26">
        <v>61</v>
      </c>
      <c r="G91" s="27">
        <v>117</v>
      </c>
      <c r="H91" s="31">
        <v>11610</v>
      </c>
      <c r="I91" s="26">
        <v>12412</v>
      </c>
      <c r="J91" s="27">
        <v>24022</v>
      </c>
    </row>
    <row r="92" spans="1:10" ht="18" customHeight="1" x14ac:dyDescent="0.15">
      <c r="A92" s="24">
        <v>70</v>
      </c>
      <c r="B92" s="25">
        <v>2576</v>
      </c>
      <c r="C92" s="26">
        <v>2761</v>
      </c>
      <c r="D92" s="27">
        <v>5337</v>
      </c>
      <c r="E92" s="31">
        <v>5</v>
      </c>
      <c r="F92" s="26">
        <v>10</v>
      </c>
      <c r="G92" s="27">
        <v>15</v>
      </c>
      <c r="H92" s="31">
        <v>2581</v>
      </c>
      <c r="I92" s="26">
        <v>2771</v>
      </c>
      <c r="J92" s="27">
        <v>5352</v>
      </c>
    </row>
    <row r="93" spans="1:10" ht="18" customHeight="1" x14ac:dyDescent="0.15">
      <c r="A93" s="24">
        <v>71</v>
      </c>
      <c r="B93" s="25">
        <v>2506</v>
      </c>
      <c r="C93" s="26">
        <v>2811</v>
      </c>
      <c r="D93" s="27">
        <v>5317</v>
      </c>
      <c r="E93" s="31">
        <v>9</v>
      </c>
      <c r="F93" s="26">
        <v>12</v>
      </c>
      <c r="G93" s="27">
        <v>21</v>
      </c>
      <c r="H93" s="31">
        <v>2515</v>
      </c>
      <c r="I93" s="26">
        <v>2823</v>
      </c>
      <c r="J93" s="27">
        <v>5338</v>
      </c>
    </row>
    <row r="94" spans="1:10" ht="18" customHeight="1" x14ac:dyDescent="0.15">
      <c r="A94" s="24">
        <v>72</v>
      </c>
      <c r="B94" s="25">
        <v>2755</v>
      </c>
      <c r="C94" s="26">
        <v>3132</v>
      </c>
      <c r="D94" s="27">
        <v>5887</v>
      </c>
      <c r="E94" s="31">
        <v>5</v>
      </c>
      <c r="F94" s="26">
        <v>13</v>
      </c>
      <c r="G94" s="27">
        <v>18</v>
      </c>
      <c r="H94" s="31">
        <v>2760</v>
      </c>
      <c r="I94" s="26">
        <v>3145</v>
      </c>
      <c r="J94" s="27">
        <v>5905</v>
      </c>
    </row>
    <row r="95" spans="1:10" ht="18" customHeight="1" x14ac:dyDescent="0.15">
      <c r="A95" s="24">
        <v>73</v>
      </c>
      <c r="B95" s="25">
        <v>3090</v>
      </c>
      <c r="C95" s="26">
        <v>3579</v>
      </c>
      <c r="D95" s="27">
        <v>6669</v>
      </c>
      <c r="E95" s="31">
        <v>9</v>
      </c>
      <c r="F95" s="26">
        <v>12</v>
      </c>
      <c r="G95" s="27">
        <v>21</v>
      </c>
      <c r="H95" s="31">
        <v>3099</v>
      </c>
      <c r="I95" s="26">
        <v>3591</v>
      </c>
      <c r="J95" s="27">
        <v>6690</v>
      </c>
    </row>
    <row r="96" spans="1:10" ht="18" customHeight="1" x14ac:dyDescent="0.15">
      <c r="A96" s="24">
        <v>74</v>
      </c>
      <c r="B96" s="25">
        <v>3292</v>
      </c>
      <c r="C96" s="26">
        <v>3705</v>
      </c>
      <c r="D96" s="27">
        <v>6997</v>
      </c>
      <c r="E96" s="31">
        <v>11</v>
      </c>
      <c r="F96" s="26">
        <v>11</v>
      </c>
      <c r="G96" s="27">
        <v>22</v>
      </c>
      <c r="H96" s="31">
        <v>3303</v>
      </c>
      <c r="I96" s="26">
        <v>3716</v>
      </c>
      <c r="J96" s="27">
        <v>7019</v>
      </c>
    </row>
    <row r="97" spans="1:10" ht="18" customHeight="1" x14ac:dyDescent="0.15">
      <c r="A97" s="24" t="s">
        <v>25</v>
      </c>
      <c r="B97" s="25">
        <v>14219</v>
      </c>
      <c r="C97" s="26">
        <v>15988</v>
      </c>
      <c r="D97" s="27">
        <v>30207</v>
      </c>
      <c r="E97" s="31">
        <v>39</v>
      </c>
      <c r="F97" s="26">
        <v>58</v>
      </c>
      <c r="G97" s="27">
        <v>97</v>
      </c>
      <c r="H97" s="31">
        <v>14258</v>
      </c>
      <c r="I97" s="26">
        <v>16046</v>
      </c>
      <c r="J97" s="27">
        <v>30304</v>
      </c>
    </row>
    <row r="98" spans="1:10" ht="18" customHeight="1" x14ac:dyDescent="0.15">
      <c r="A98" s="24">
        <v>75</v>
      </c>
      <c r="B98" s="25">
        <v>3242</v>
      </c>
      <c r="C98" s="26">
        <v>3947</v>
      </c>
      <c r="D98" s="27">
        <v>7189</v>
      </c>
      <c r="E98" s="31">
        <v>8</v>
      </c>
      <c r="F98" s="26">
        <v>12</v>
      </c>
      <c r="G98" s="27">
        <v>20</v>
      </c>
      <c r="H98" s="31">
        <v>3250</v>
      </c>
      <c r="I98" s="26">
        <v>3959</v>
      </c>
      <c r="J98" s="27">
        <v>7209</v>
      </c>
    </row>
    <row r="99" spans="1:10" ht="18" customHeight="1" x14ac:dyDescent="0.15">
      <c r="A99" s="24">
        <v>76</v>
      </c>
      <c r="B99" s="25">
        <v>2465</v>
      </c>
      <c r="C99" s="26">
        <v>3032</v>
      </c>
      <c r="D99" s="27">
        <v>5497</v>
      </c>
      <c r="E99" s="31">
        <v>4</v>
      </c>
      <c r="F99" s="26">
        <v>2</v>
      </c>
      <c r="G99" s="27">
        <v>6</v>
      </c>
      <c r="H99" s="31">
        <v>2469</v>
      </c>
      <c r="I99" s="26">
        <v>3034</v>
      </c>
      <c r="J99" s="27">
        <v>5503</v>
      </c>
    </row>
    <row r="100" spans="1:10" ht="18" customHeight="1" x14ac:dyDescent="0.15">
      <c r="A100" s="24">
        <v>77</v>
      </c>
      <c r="B100" s="25">
        <v>1586</v>
      </c>
      <c r="C100" s="26">
        <v>1955</v>
      </c>
      <c r="D100" s="27">
        <v>3541</v>
      </c>
      <c r="E100" s="31">
        <v>5</v>
      </c>
      <c r="F100" s="26">
        <v>6</v>
      </c>
      <c r="G100" s="27">
        <v>11</v>
      </c>
      <c r="H100" s="31">
        <v>1591</v>
      </c>
      <c r="I100" s="26">
        <v>1961</v>
      </c>
      <c r="J100" s="27">
        <v>3552</v>
      </c>
    </row>
    <row r="101" spans="1:10" ht="18" customHeight="1" x14ac:dyDescent="0.15">
      <c r="A101" s="24">
        <v>78</v>
      </c>
      <c r="B101" s="25">
        <v>2061</v>
      </c>
      <c r="C101" s="26">
        <v>2684</v>
      </c>
      <c r="D101" s="27">
        <v>4745</v>
      </c>
      <c r="E101" s="31">
        <v>3</v>
      </c>
      <c r="F101" s="26">
        <v>7</v>
      </c>
      <c r="G101" s="27">
        <v>10</v>
      </c>
      <c r="H101" s="31">
        <v>2064</v>
      </c>
      <c r="I101" s="26">
        <v>2691</v>
      </c>
      <c r="J101" s="27">
        <v>4755</v>
      </c>
    </row>
    <row r="102" spans="1:10" ht="18" customHeight="1" x14ac:dyDescent="0.15">
      <c r="A102" s="24">
        <v>79</v>
      </c>
      <c r="B102" s="25">
        <v>2104</v>
      </c>
      <c r="C102" s="26">
        <v>2880</v>
      </c>
      <c r="D102" s="27">
        <v>4984</v>
      </c>
      <c r="E102" s="31">
        <v>5</v>
      </c>
      <c r="F102" s="26">
        <v>7</v>
      </c>
      <c r="G102" s="27">
        <v>12</v>
      </c>
      <c r="H102" s="31">
        <v>2109</v>
      </c>
      <c r="I102" s="26">
        <v>2887</v>
      </c>
      <c r="J102" s="27">
        <v>4996</v>
      </c>
    </row>
    <row r="103" spans="1:10" ht="18" customHeight="1" x14ac:dyDescent="0.15">
      <c r="A103" s="24" t="s">
        <v>26</v>
      </c>
      <c r="B103" s="25">
        <v>11458</v>
      </c>
      <c r="C103" s="26">
        <v>14498</v>
      </c>
      <c r="D103" s="27">
        <v>25956</v>
      </c>
      <c r="E103" s="31">
        <v>25</v>
      </c>
      <c r="F103" s="26">
        <v>34</v>
      </c>
      <c r="G103" s="27">
        <v>59</v>
      </c>
      <c r="H103" s="31">
        <v>11483</v>
      </c>
      <c r="I103" s="26">
        <v>14532</v>
      </c>
      <c r="J103" s="27">
        <v>26015</v>
      </c>
    </row>
    <row r="104" spans="1:10" ht="18" customHeight="1" x14ac:dyDescent="0.15">
      <c r="A104" s="24">
        <v>80</v>
      </c>
      <c r="B104" s="25">
        <v>1948</v>
      </c>
      <c r="C104" s="26">
        <v>2551</v>
      </c>
      <c r="D104" s="27">
        <v>4499</v>
      </c>
      <c r="E104" s="31">
        <v>3</v>
      </c>
      <c r="F104" s="26">
        <v>4</v>
      </c>
      <c r="G104" s="27">
        <v>7</v>
      </c>
      <c r="H104" s="31">
        <v>1951</v>
      </c>
      <c r="I104" s="26">
        <v>2555</v>
      </c>
      <c r="J104" s="27">
        <v>4506</v>
      </c>
    </row>
    <row r="105" spans="1:10" ht="18" customHeight="1" x14ac:dyDescent="0.15">
      <c r="A105" s="24">
        <v>81</v>
      </c>
      <c r="B105" s="25">
        <v>2018</v>
      </c>
      <c r="C105" s="26">
        <v>2843</v>
      </c>
      <c r="D105" s="27">
        <v>4861</v>
      </c>
      <c r="E105" s="31">
        <v>5</v>
      </c>
      <c r="F105" s="26">
        <v>4</v>
      </c>
      <c r="G105" s="27">
        <v>9</v>
      </c>
      <c r="H105" s="31">
        <v>2023</v>
      </c>
      <c r="I105" s="26">
        <v>2847</v>
      </c>
      <c r="J105" s="27">
        <v>4870</v>
      </c>
    </row>
    <row r="106" spans="1:10" ht="18" customHeight="1" x14ac:dyDescent="0.15">
      <c r="A106" s="24">
        <v>82</v>
      </c>
      <c r="B106" s="25">
        <v>1669</v>
      </c>
      <c r="C106" s="26">
        <v>2386</v>
      </c>
      <c r="D106" s="27">
        <v>4055</v>
      </c>
      <c r="E106" s="31">
        <v>0</v>
      </c>
      <c r="F106" s="26">
        <v>5</v>
      </c>
      <c r="G106" s="27">
        <v>5</v>
      </c>
      <c r="H106" s="31">
        <v>1669</v>
      </c>
      <c r="I106" s="26">
        <v>2391</v>
      </c>
      <c r="J106" s="27">
        <v>4060</v>
      </c>
    </row>
    <row r="107" spans="1:10" ht="18" customHeight="1" x14ac:dyDescent="0.15">
      <c r="A107" s="24">
        <v>83</v>
      </c>
      <c r="B107" s="25">
        <v>1386</v>
      </c>
      <c r="C107" s="26">
        <v>1942</v>
      </c>
      <c r="D107" s="27">
        <v>3328</v>
      </c>
      <c r="E107" s="31">
        <v>4</v>
      </c>
      <c r="F107" s="26">
        <v>6</v>
      </c>
      <c r="G107" s="27">
        <v>10</v>
      </c>
      <c r="H107" s="31">
        <v>1390</v>
      </c>
      <c r="I107" s="26">
        <v>1948</v>
      </c>
      <c r="J107" s="27">
        <v>3338</v>
      </c>
    </row>
    <row r="108" spans="1:10" ht="18" customHeight="1" x14ac:dyDescent="0.15">
      <c r="A108" s="24">
        <v>84</v>
      </c>
      <c r="B108" s="25">
        <v>1089</v>
      </c>
      <c r="C108" s="26">
        <v>1727</v>
      </c>
      <c r="D108" s="27">
        <v>2816</v>
      </c>
      <c r="E108" s="31">
        <v>2</v>
      </c>
      <c r="F108" s="26">
        <v>2</v>
      </c>
      <c r="G108" s="27">
        <v>4</v>
      </c>
      <c r="H108" s="31">
        <v>1091</v>
      </c>
      <c r="I108" s="26">
        <v>1729</v>
      </c>
      <c r="J108" s="27">
        <v>2820</v>
      </c>
    </row>
    <row r="109" spans="1:10" ht="18" customHeight="1" x14ac:dyDescent="0.15">
      <c r="A109" s="24" t="s">
        <v>27</v>
      </c>
      <c r="B109" s="25">
        <v>8110</v>
      </c>
      <c r="C109" s="26">
        <v>11449</v>
      </c>
      <c r="D109" s="27">
        <v>19559</v>
      </c>
      <c r="E109" s="31">
        <v>14</v>
      </c>
      <c r="F109" s="26">
        <v>21</v>
      </c>
      <c r="G109" s="27">
        <v>35</v>
      </c>
      <c r="H109" s="31">
        <v>8124</v>
      </c>
      <c r="I109" s="26">
        <v>11470</v>
      </c>
      <c r="J109" s="27">
        <v>19594</v>
      </c>
    </row>
    <row r="110" spans="1:10" ht="18" customHeight="1" x14ac:dyDescent="0.15">
      <c r="A110" s="24">
        <v>85</v>
      </c>
      <c r="B110" s="25">
        <v>1206</v>
      </c>
      <c r="C110" s="26">
        <v>1912</v>
      </c>
      <c r="D110" s="27">
        <v>3118</v>
      </c>
      <c r="E110" s="31">
        <v>2</v>
      </c>
      <c r="F110" s="26">
        <v>3</v>
      </c>
      <c r="G110" s="27">
        <v>5</v>
      </c>
      <c r="H110" s="31">
        <v>1208</v>
      </c>
      <c r="I110" s="26">
        <v>1915</v>
      </c>
      <c r="J110" s="27">
        <v>3123</v>
      </c>
    </row>
    <row r="111" spans="1:10" ht="18" customHeight="1" x14ac:dyDescent="0.15">
      <c r="A111" s="24">
        <v>86</v>
      </c>
      <c r="B111" s="25">
        <v>1050</v>
      </c>
      <c r="C111" s="26">
        <v>1859</v>
      </c>
      <c r="D111" s="27">
        <v>2909</v>
      </c>
      <c r="E111" s="31">
        <v>0</v>
      </c>
      <c r="F111" s="26">
        <v>4</v>
      </c>
      <c r="G111" s="27">
        <v>4</v>
      </c>
      <c r="H111" s="31">
        <v>1050</v>
      </c>
      <c r="I111" s="26">
        <v>1863</v>
      </c>
      <c r="J111" s="27">
        <v>2913</v>
      </c>
    </row>
    <row r="112" spans="1:10" ht="18" customHeight="1" x14ac:dyDescent="0.15">
      <c r="A112" s="24">
        <v>87</v>
      </c>
      <c r="B112" s="25">
        <v>986</v>
      </c>
      <c r="C112" s="26">
        <v>1955</v>
      </c>
      <c r="D112" s="27">
        <v>2941</v>
      </c>
      <c r="E112" s="31">
        <v>0</v>
      </c>
      <c r="F112" s="26">
        <v>2</v>
      </c>
      <c r="G112" s="27">
        <v>2</v>
      </c>
      <c r="H112" s="31">
        <v>986</v>
      </c>
      <c r="I112" s="26">
        <v>1957</v>
      </c>
      <c r="J112" s="27">
        <v>2943</v>
      </c>
    </row>
    <row r="113" spans="1:10" ht="18" customHeight="1" x14ac:dyDescent="0.15">
      <c r="A113" s="24">
        <v>88</v>
      </c>
      <c r="B113" s="25">
        <v>757</v>
      </c>
      <c r="C113" s="26">
        <v>1448</v>
      </c>
      <c r="D113" s="27">
        <v>2205</v>
      </c>
      <c r="E113" s="31">
        <v>2</v>
      </c>
      <c r="F113" s="26">
        <v>5</v>
      </c>
      <c r="G113" s="27">
        <v>7</v>
      </c>
      <c r="H113" s="31">
        <v>759</v>
      </c>
      <c r="I113" s="26">
        <v>1453</v>
      </c>
      <c r="J113" s="27">
        <v>2212</v>
      </c>
    </row>
    <row r="114" spans="1:10" ht="18" customHeight="1" x14ac:dyDescent="0.15">
      <c r="A114" s="24">
        <v>89</v>
      </c>
      <c r="B114" s="25">
        <v>686</v>
      </c>
      <c r="C114" s="26">
        <v>1519</v>
      </c>
      <c r="D114" s="27">
        <v>2205</v>
      </c>
      <c r="E114" s="31">
        <v>1</v>
      </c>
      <c r="F114" s="26">
        <v>0</v>
      </c>
      <c r="G114" s="27">
        <v>1</v>
      </c>
      <c r="H114" s="31">
        <v>687</v>
      </c>
      <c r="I114" s="26">
        <v>1519</v>
      </c>
      <c r="J114" s="27">
        <v>2206</v>
      </c>
    </row>
    <row r="115" spans="1:10" ht="18" customHeight="1" x14ac:dyDescent="0.15">
      <c r="A115" s="24" t="s">
        <v>28</v>
      </c>
      <c r="B115" s="25">
        <v>4685</v>
      </c>
      <c r="C115" s="26">
        <v>8693</v>
      </c>
      <c r="D115" s="27">
        <v>13378</v>
      </c>
      <c r="E115" s="31">
        <v>5</v>
      </c>
      <c r="F115" s="26">
        <v>14</v>
      </c>
      <c r="G115" s="27">
        <v>19</v>
      </c>
      <c r="H115" s="31">
        <v>4690</v>
      </c>
      <c r="I115" s="26">
        <v>8707</v>
      </c>
      <c r="J115" s="27">
        <v>13397</v>
      </c>
    </row>
    <row r="116" spans="1:10" ht="18" customHeight="1" x14ac:dyDescent="0.15">
      <c r="A116" s="24">
        <v>90</v>
      </c>
      <c r="B116" s="25">
        <v>536</v>
      </c>
      <c r="C116" s="26">
        <v>1538</v>
      </c>
      <c r="D116" s="27">
        <v>2074</v>
      </c>
      <c r="E116" s="31">
        <v>0</v>
      </c>
      <c r="F116" s="26">
        <v>5</v>
      </c>
      <c r="G116" s="27">
        <v>5</v>
      </c>
      <c r="H116" s="31">
        <v>536</v>
      </c>
      <c r="I116" s="26">
        <v>1543</v>
      </c>
      <c r="J116" s="27">
        <v>2079</v>
      </c>
    </row>
    <row r="117" spans="1:10" ht="18" customHeight="1" x14ac:dyDescent="0.15">
      <c r="A117" s="24">
        <v>91</v>
      </c>
      <c r="B117" s="25">
        <v>424</v>
      </c>
      <c r="C117" s="26">
        <v>1121</v>
      </c>
      <c r="D117" s="27">
        <v>1545</v>
      </c>
      <c r="E117" s="31">
        <v>0</v>
      </c>
      <c r="F117" s="26">
        <v>4</v>
      </c>
      <c r="G117" s="27">
        <v>4</v>
      </c>
      <c r="H117" s="31">
        <v>424</v>
      </c>
      <c r="I117" s="26">
        <v>1125</v>
      </c>
      <c r="J117" s="27">
        <v>1549</v>
      </c>
    </row>
    <row r="118" spans="1:10" ht="18" customHeight="1" x14ac:dyDescent="0.15">
      <c r="A118" s="24">
        <v>92</v>
      </c>
      <c r="B118" s="25">
        <v>329</v>
      </c>
      <c r="C118" s="26">
        <v>1015</v>
      </c>
      <c r="D118" s="27">
        <v>1344</v>
      </c>
      <c r="E118" s="31">
        <v>0</v>
      </c>
      <c r="F118" s="26">
        <v>3</v>
      </c>
      <c r="G118" s="27">
        <v>3</v>
      </c>
      <c r="H118" s="31">
        <v>329</v>
      </c>
      <c r="I118" s="26">
        <v>1018</v>
      </c>
      <c r="J118" s="27">
        <v>1347</v>
      </c>
    </row>
    <row r="119" spans="1:10" ht="18" customHeight="1" x14ac:dyDescent="0.15">
      <c r="A119" s="24">
        <v>93</v>
      </c>
      <c r="B119" s="25">
        <v>276</v>
      </c>
      <c r="C119" s="26">
        <v>831</v>
      </c>
      <c r="D119" s="27">
        <v>1107</v>
      </c>
      <c r="E119" s="31">
        <v>1</v>
      </c>
      <c r="F119" s="26">
        <v>1</v>
      </c>
      <c r="G119" s="27">
        <v>2</v>
      </c>
      <c r="H119" s="31">
        <v>277</v>
      </c>
      <c r="I119" s="26">
        <v>832</v>
      </c>
      <c r="J119" s="27">
        <v>1109</v>
      </c>
    </row>
    <row r="120" spans="1:10" ht="18" customHeight="1" x14ac:dyDescent="0.15">
      <c r="A120" s="24">
        <v>94</v>
      </c>
      <c r="B120" s="25">
        <v>209</v>
      </c>
      <c r="C120" s="26">
        <v>699</v>
      </c>
      <c r="D120" s="27">
        <v>908</v>
      </c>
      <c r="E120" s="31">
        <v>0</v>
      </c>
      <c r="F120" s="26">
        <v>1</v>
      </c>
      <c r="G120" s="27">
        <v>1</v>
      </c>
      <c r="H120" s="31">
        <v>209</v>
      </c>
      <c r="I120" s="26">
        <v>700</v>
      </c>
      <c r="J120" s="27">
        <v>909</v>
      </c>
    </row>
    <row r="121" spans="1:10" ht="18" customHeight="1" x14ac:dyDescent="0.15">
      <c r="A121" s="24" t="s">
        <v>29</v>
      </c>
      <c r="B121" s="25">
        <v>1774</v>
      </c>
      <c r="C121" s="26">
        <v>5204</v>
      </c>
      <c r="D121" s="27">
        <v>6978</v>
      </c>
      <c r="E121" s="31">
        <v>1</v>
      </c>
      <c r="F121" s="26">
        <v>14</v>
      </c>
      <c r="G121" s="27">
        <v>15</v>
      </c>
      <c r="H121" s="31">
        <v>1775</v>
      </c>
      <c r="I121" s="26">
        <v>5218</v>
      </c>
      <c r="J121" s="27">
        <v>6993</v>
      </c>
    </row>
    <row r="122" spans="1:10" ht="18" customHeight="1" x14ac:dyDescent="0.15">
      <c r="A122" s="24">
        <v>95</v>
      </c>
      <c r="B122" s="25">
        <v>144</v>
      </c>
      <c r="C122" s="26">
        <v>538</v>
      </c>
      <c r="D122" s="27">
        <v>682</v>
      </c>
      <c r="E122" s="31">
        <v>0</v>
      </c>
      <c r="F122" s="26">
        <v>0</v>
      </c>
      <c r="G122" s="27">
        <v>0</v>
      </c>
      <c r="H122" s="31">
        <v>144</v>
      </c>
      <c r="I122" s="26">
        <v>538</v>
      </c>
      <c r="J122" s="27">
        <v>682</v>
      </c>
    </row>
    <row r="123" spans="1:10" ht="18" customHeight="1" x14ac:dyDescent="0.15">
      <c r="A123" s="24">
        <v>96</v>
      </c>
      <c r="B123" s="25">
        <v>120</v>
      </c>
      <c r="C123" s="26">
        <v>427</v>
      </c>
      <c r="D123" s="27">
        <v>547</v>
      </c>
      <c r="E123" s="31">
        <v>1</v>
      </c>
      <c r="F123" s="26">
        <v>1</v>
      </c>
      <c r="G123" s="27">
        <v>2</v>
      </c>
      <c r="H123" s="31">
        <v>121</v>
      </c>
      <c r="I123" s="26">
        <v>428</v>
      </c>
      <c r="J123" s="27">
        <v>549</v>
      </c>
    </row>
    <row r="124" spans="1:10" ht="18" customHeight="1" x14ac:dyDescent="0.15">
      <c r="A124" s="24">
        <v>97</v>
      </c>
      <c r="B124" s="25">
        <v>78</v>
      </c>
      <c r="C124" s="26">
        <v>350</v>
      </c>
      <c r="D124" s="27">
        <v>428</v>
      </c>
      <c r="E124" s="31">
        <v>0</v>
      </c>
      <c r="F124" s="26">
        <v>0</v>
      </c>
      <c r="G124" s="27">
        <v>0</v>
      </c>
      <c r="H124" s="31">
        <v>78</v>
      </c>
      <c r="I124" s="26">
        <v>350</v>
      </c>
      <c r="J124" s="27">
        <v>428</v>
      </c>
    </row>
    <row r="125" spans="1:10" ht="18" customHeight="1" x14ac:dyDescent="0.15">
      <c r="A125" s="24">
        <v>98</v>
      </c>
      <c r="B125" s="25">
        <v>51</v>
      </c>
      <c r="C125" s="26">
        <v>261</v>
      </c>
      <c r="D125" s="27">
        <v>312</v>
      </c>
      <c r="E125" s="31">
        <v>0</v>
      </c>
      <c r="F125" s="26">
        <v>0</v>
      </c>
      <c r="G125" s="27">
        <v>0</v>
      </c>
      <c r="H125" s="31">
        <v>51</v>
      </c>
      <c r="I125" s="26">
        <v>261</v>
      </c>
      <c r="J125" s="27">
        <v>312</v>
      </c>
    </row>
    <row r="126" spans="1:10" ht="18" customHeight="1" x14ac:dyDescent="0.15">
      <c r="A126" s="24">
        <v>99</v>
      </c>
      <c r="B126" s="25">
        <v>26</v>
      </c>
      <c r="C126" s="26">
        <v>166</v>
      </c>
      <c r="D126" s="27">
        <v>192</v>
      </c>
      <c r="E126" s="31">
        <v>0</v>
      </c>
      <c r="F126" s="26">
        <v>1</v>
      </c>
      <c r="G126" s="27">
        <v>1</v>
      </c>
      <c r="H126" s="31">
        <v>26</v>
      </c>
      <c r="I126" s="26">
        <v>167</v>
      </c>
      <c r="J126" s="27">
        <v>193</v>
      </c>
    </row>
    <row r="127" spans="1:10" ht="18" customHeight="1" x14ac:dyDescent="0.15">
      <c r="A127" s="24" t="s">
        <v>30</v>
      </c>
      <c r="B127" s="25">
        <v>419</v>
      </c>
      <c r="C127" s="26">
        <v>1742</v>
      </c>
      <c r="D127" s="27">
        <v>2161</v>
      </c>
      <c r="E127" s="31">
        <v>1</v>
      </c>
      <c r="F127" s="26">
        <v>2</v>
      </c>
      <c r="G127" s="27">
        <v>3</v>
      </c>
      <c r="H127" s="31">
        <v>420</v>
      </c>
      <c r="I127" s="26">
        <v>1744</v>
      </c>
      <c r="J127" s="27">
        <v>2164</v>
      </c>
    </row>
    <row r="128" spans="1:10" ht="18" customHeight="1" x14ac:dyDescent="0.15">
      <c r="A128" s="24">
        <v>100</v>
      </c>
      <c r="B128" s="25">
        <v>21</v>
      </c>
      <c r="C128" s="26">
        <v>119</v>
      </c>
      <c r="D128" s="27">
        <v>140</v>
      </c>
      <c r="E128" s="31">
        <v>0</v>
      </c>
      <c r="F128" s="26">
        <v>0</v>
      </c>
      <c r="G128" s="27">
        <v>0</v>
      </c>
      <c r="H128" s="31">
        <v>21</v>
      </c>
      <c r="I128" s="26">
        <v>119</v>
      </c>
      <c r="J128" s="27">
        <v>140</v>
      </c>
    </row>
    <row r="129" spans="1:10" ht="18" customHeight="1" x14ac:dyDescent="0.15">
      <c r="A129" s="32" t="s">
        <v>31</v>
      </c>
      <c r="B129" s="25">
        <v>22</v>
      </c>
      <c r="C129" s="26">
        <v>197</v>
      </c>
      <c r="D129" s="27">
        <v>219</v>
      </c>
      <c r="E129" s="31">
        <v>0</v>
      </c>
      <c r="F129" s="26">
        <v>1</v>
      </c>
      <c r="G129" s="27">
        <v>1</v>
      </c>
      <c r="H129" s="31">
        <v>22</v>
      </c>
      <c r="I129" s="26">
        <v>198</v>
      </c>
      <c r="J129" s="27">
        <v>220</v>
      </c>
    </row>
    <row r="130" spans="1:10" ht="18" customHeight="1" x14ac:dyDescent="0.15">
      <c r="A130" s="24" t="s">
        <v>32</v>
      </c>
      <c r="B130" s="25">
        <v>43</v>
      </c>
      <c r="C130" s="26">
        <v>316</v>
      </c>
      <c r="D130" s="27">
        <v>359</v>
      </c>
      <c r="E130" s="31">
        <v>0</v>
      </c>
      <c r="F130" s="26">
        <v>1</v>
      </c>
      <c r="G130" s="27">
        <v>1</v>
      </c>
      <c r="H130" s="31">
        <v>43</v>
      </c>
      <c r="I130" s="26">
        <v>317</v>
      </c>
      <c r="J130" s="27">
        <v>360</v>
      </c>
    </row>
    <row r="131" spans="1:10" ht="18" customHeight="1" x14ac:dyDescent="0.15">
      <c r="A131" s="24" t="s">
        <v>33</v>
      </c>
      <c r="B131" s="33">
        <v>52262</v>
      </c>
      <c r="C131" s="34">
        <v>70241</v>
      </c>
      <c r="D131" s="35">
        <v>122503</v>
      </c>
      <c r="E131" s="36">
        <v>141</v>
      </c>
      <c r="F131" s="34">
        <v>205</v>
      </c>
      <c r="G131" s="35">
        <v>346</v>
      </c>
      <c r="H131" s="36">
        <v>52403</v>
      </c>
      <c r="I131" s="34">
        <v>70446</v>
      </c>
      <c r="J131" s="35">
        <v>122849</v>
      </c>
    </row>
    <row r="132" spans="1:10" ht="18" customHeight="1" x14ac:dyDescent="0.15">
      <c r="A132" s="37" t="s">
        <v>34</v>
      </c>
      <c r="B132" s="38">
        <v>194990</v>
      </c>
      <c r="C132" s="39">
        <v>204905</v>
      </c>
      <c r="D132" s="40">
        <v>399895</v>
      </c>
      <c r="E132" s="41">
        <v>3761</v>
      </c>
      <c r="F132" s="39">
        <v>3886</v>
      </c>
      <c r="G132" s="40">
        <v>7647</v>
      </c>
      <c r="H132" s="41">
        <v>198751</v>
      </c>
      <c r="I132" s="39">
        <v>208791</v>
      </c>
      <c r="J132" s="40">
        <v>407542</v>
      </c>
    </row>
  </sheetData>
  <mergeCells count="5">
    <mergeCell ref="A1:J1"/>
    <mergeCell ref="H3:J3"/>
    <mergeCell ref="B4:D4"/>
    <mergeCell ref="E4:G4"/>
    <mergeCell ref="H4:J4"/>
  </mergeCells>
  <phoneticPr fontId="3"/>
  <pageMargins left="0.75" right="0.75" top="1" bottom="1" header="0.51200000000000001" footer="0.51200000000000001"/>
  <pageSetup paperSize="9" scale="95" fitToHeight="3" orientation="portrait" horizontalDpi="4294967292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nenreibetsu</vt:lpstr>
      <vt:lpstr>nenreibetsu!Print_Titles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富山市</dc:creator>
  <cp:lastModifiedBy>富山市</cp:lastModifiedBy>
  <dcterms:created xsi:type="dcterms:W3CDTF">2023-04-04T08:52:26Z</dcterms:created>
  <dcterms:modified xsi:type="dcterms:W3CDTF">2023-04-04T08:52:27Z</dcterms:modified>
</cp:coreProperties>
</file>